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924"/>
  <workbookPr filterPrivacy="1" showInkAnnotation="0" updateLinks="never" codeName="ThisWorkbook"/>
  <xr:revisionPtr revIDLastSave="0" documentId="13_ncr:1_{F29A9B4E-93E1-4AF2-A3CE-DDF9706608EC}" xr6:coauthVersionLast="47" xr6:coauthVersionMax="47" xr10:uidLastSave="{00000000-0000-0000-0000-000000000000}"/>
  <workbookProtection workbookAlgorithmName="SHA-512" workbookHashValue="bRsODUPJkORUj8QYqU/vdldWIsWnC6iAYnMCHdFacEVyLgYuTYgtamDbXdIRSrIrky/31BhJMkZvDYqRUgZqUg==" workbookSaltValue="RMcwY2tcmOOphZ5eJQ5/9A==" workbookSpinCount="100000" lockStructure="1"/>
  <bookViews>
    <workbookView xWindow="-108" yWindow="-108" windowWidth="23256" windowHeight="12576" tabRatio="659" xr2:uid="{00000000-000D-0000-FFFF-FFFF00000000}"/>
  </bookViews>
  <sheets>
    <sheet name="実績報告書" sheetId="190" r:id="rId1"/>
    <sheet name="明細書【窓・玄関ドア】" sheetId="192" r:id="rId2"/>
    <sheet name="明細書【断熱パネル】" sheetId="91" r:id="rId3"/>
    <sheet name="明細書【潜熱蓄熱建材】" sheetId="92" r:id="rId4"/>
    <sheet name="明細書【断熱材】" sheetId="100" r:id="rId5"/>
    <sheet name="明細書【調湿建材】" sheetId="94" r:id="rId6"/>
    <sheet name="総括表" sheetId="120" r:id="rId7"/>
    <sheet name="精算払請求書" sheetId="191" r:id="rId8"/>
    <sheet name="製品リスト" sheetId="188" state="hidden" r:id="rId9"/>
  </sheets>
  <externalReferences>
    <externalReference r:id="rId10"/>
  </externalReferences>
  <definedNames>
    <definedName name="_xlnm.Print_Area" localSheetId="0">実績報告書!$A$1:$CO$70</definedName>
    <definedName name="_xlnm.Print_Area" localSheetId="7">精算払請求書!$A$1:$CO$39</definedName>
    <definedName name="_xlnm.Print_Area" localSheetId="6">総括表!$A$1:$AL$41</definedName>
    <definedName name="_xlnm.Print_Area" localSheetId="3">明細書【潜熱蓄熱建材】!$A$1:$BC$58</definedName>
    <definedName name="_xlnm.Print_Area" localSheetId="1">明細書【窓・玄関ドア】!$A$1:$BC$84</definedName>
    <definedName name="_xlnm.Print_Area" localSheetId="2">明細書【断熱パネル】!$A$1:$BC$63</definedName>
    <definedName name="_xlnm.Print_Area" localSheetId="4">明細書【断熱材】!$A$1:$BC$55</definedName>
    <definedName name="_xlnm.Print_Area" localSheetId="5">明細書【調湿建材】!$A$1:$BC$45</definedName>
    <definedName name="_xlnm.Print_Titles" localSheetId="1">明細書【窓・玄関ドア】!$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L1000" i="188" l="1"/>
  <c r="K1000" i="188"/>
  <c r="L999" i="188"/>
  <c r="K999" i="188"/>
  <c r="L998" i="188"/>
  <c r="K998" i="188"/>
  <c r="L997" i="188"/>
  <c r="K997" i="188"/>
  <c r="L996" i="188"/>
  <c r="K996" i="188"/>
  <c r="L995" i="188"/>
  <c r="K995" i="188"/>
  <c r="L994" i="188"/>
  <c r="K994" i="188"/>
  <c r="L993" i="188"/>
  <c r="K993" i="188"/>
  <c r="L992" i="188"/>
  <c r="K992" i="188"/>
  <c r="L991" i="188"/>
  <c r="K991" i="188"/>
  <c r="L990" i="188"/>
  <c r="K990" i="188"/>
  <c r="L989" i="188"/>
  <c r="K989" i="188"/>
  <c r="L988" i="188"/>
  <c r="K988" i="188"/>
  <c r="L987" i="188"/>
  <c r="K987" i="188"/>
  <c r="L986" i="188"/>
  <c r="K986" i="188"/>
  <c r="L985" i="188"/>
  <c r="K985" i="188"/>
  <c r="L984" i="188"/>
  <c r="K984" i="188"/>
  <c r="L983" i="188"/>
  <c r="K983" i="188"/>
  <c r="L982" i="188"/>
  <c r="K982" i="188"/>
  <c r="L981" i="188"/>
  <c r="K981" i="188"/>
  <c r="L980" i="188"/>
  <c r="K980" i="188"/>
  <c r="L979" i="188"/>
  <c r="K979" i="188"/>
  <c r="L978" i="188"/>
  <c r="K978" i="188"/>
  <c r="L977" i="188"/>
  <c r="K977" i="188"/>
  <c r="L976" i="188"/>
  <c r="K976" i="188"/>
  <c r="L975" i="188"/>
  <c r="K975" i="188"/>
  <c r="L974" i="188"/>
  <c r="K974" i="188"/>
  <c r="L973" i="188"/>
  <c r="K973" i="188"/>
  <c r="L972" i="188"/>
  <c r="K972" i="188"/>
  <c r="L971" i="188"/>
  <c r="K971" i="188"/>
  <c r="L970" i="188"/>
  <c r="K970" i="188"/>
  <c r="L969" i="188"/>
  <c r="K969" i="188"/>
  <c r="L968" i="188"/>
  <c r="K968" i="188"/>
  <c r="L967" i="188"/>
  <c r="K967" i="188"/>
  <c r="L966" i="188"/>
  <c r="K966" i="188"/>
  <c r="L965" i="188"/>
  <c r="K965" i="188"/>
  <c r="L964" i="188"/>
  <c r="K964" i="188"/>
  <c r="L963" i="188"/>
  <c r="K963" i="188"/>
  <c r="L962" i="188"/>
  <c r="K962" i="188"/>
  <c r="L961" i="188"/>
  <c r="K961" i="188"/>
  <c r="L960" i="188"/>
  <c r="K960" i="188"/>
  <c r="L959" i="188"/>
  <c r="K959" i="188"/>
  <c r="L958" i="188"/>
  <c r="K958" i="188"/>
  <c r="L957" i="188"/>
  <c r="K957" i="188"/>
  <c r="L956" i="188"/>
  <c r="K956" i="188"/>
  <c r="L955" i="188"/>
  <c r="K955" i="188"/>
  <c r="L954" i="188"/>
  <c r="K954" i="188"/>
  <c r="L953" i="188"/>
  <c r="K953" i="188"/>
  <c r="L952" i="188"/>
  <c r="K952" i="188"/>
  <c r="L951" i="188"/>
  <c r="K951" i="188"/>
  <c r="L950" i="188"/>
  <c r="K950" i="188"/>
  <c r="L949" i="188"/>
  <c r="K949" i="188"/>
  <c r="L948" i="188"/>
  <c r="K948" i="188"/>
  <c r="L947" i="188"/>
  <c r="K947" i="188"/>
  <c r="L946" i="188"/>
  <c r="K946" i="188"/>
  <c r="L945" i="188"/>
  <c r="K945" i="188"/>
  <c r="L944" i="188"/>
  <c r="K944" i="188"/>
  <c r="L943" i="188"/>
  <c r="K943" i="188"/>
  <c r="L942" i="188"/>
  <c r="K942" i="188"/>
  <c r="L941" i="188"/>
  <c r="K941" i="188"/>
  <c r="L940" i="188"/>
  <c r="K940" i="188"/>
  <c r="L939" i="188"/>
  <c r="K939" i="188"/>
  <c r="L938" i="188"/>
  <c r="K938" i="188"/>
  <c r="L937" i="188"/>
  <c r="K937" i="188"/>
  <c r="L936" i="188"/>
  <c r="K936" i="188"/>
  <c r="L935" i="188"/>
  <c r="K935" i="188"/>
  <c r="L934" i="188"/>
  <c r="K934" i="188"/>
  <c r="L933" i="188"/>
  <c r="K933" i="188"/>
  <c r="L932" i="188"/>
  <c r="K932" i="188"/>
  <c r="L931" i="188"/>
  <c r="K931" i="188"/>
  <c r="L930" i="188"/>
  <c r="K930" i="188"/>
  <c r="L929" i="188"/>
  <c r="K929" i="188"/>
  <c r="L928" i="188"/>
  <c r="K928" i="188"/>
  <c r="L927" i="188"/>
  <c r="K927" i="188"/>
  <c r="L926" i="188"/>
  <c r="K926" i="188"/>
  <c r="L925" i="188"/>
  <c r="K925" i="188"/>
  <c r="L924" i="188"/>
  <c r="K924" i="188"/>
  <c r="L923" i="188"/>
  <c r="K923" i="188"/>
  <c r="L922" i="188"/>
  <c r="K922" i="188"/>
  <c r="L921" i="188"/>
  <c r="K921" i="188"/>
  <c r="L920" i="188"/>
  <c r="K920" i="188"/>
  <c r="L919" i="188"/>
  <c r="K919" i="188"/>
  <c r="L918" i="188"/>
  <c r="K918" i="188"/>
  <c r="L917" i="188"/>
  <c r="K917" i="188"/>
  <c r="L916" i="188"/>
  <c r="K916" i="188"/>
  <c r="L915" i="188"/>
  <c r="K915" i="188"/>
  <c r="L914" i="188"/>
  <c r="K914" i="188"/>
  <c r="L913" i="188"/>
  <c r="K913" i="188"/>
  <c r="L912" i="188"/>
  <c r="K912" i="188"/>
  <c r="L911" i="188"/>
  <c r="K911" i="188"/>
  <c r="L910" i="188"/>
  <c r="K910" i="188"/>
  <c r="L909" i="188"/>
  <c r="K909" i="188"/>
  <c r="L908" i="188"/>
  <c r="K908" i="188"/>
  <c r="L907" i="188"/>
  <c r="K907" i="188"/>
  <c r="L906" i="188"/>
  <c r="K906" i="188"/>
  <c r="L905" i="188"/>
  <c r="K905" i="188"/>
  <c r="L904" i="188"/>
  <c r="K904" i="188"/>
  <c r="L903" i="188"/>
  <c r="K903" i="188"/>
  <c r="L902" i="188"/>
  <c r="K902" i="188"/>
  <c r="L901" i="188"/>
  <c r="K901" i="188"/>
  <c r="L900" i="188"/>
  <c r="K900" i="188"/>
  <c r="L899" i="188"/>
  <c r="K899" i="188"/>
  <c r="L898" i="188"/>
  <c r="K898" i="188"/>
  <c r="L897" i="188"/>
  <c r="K897" i="188"/>
  <c r="L896" i="188"/>
  <c r="K896" i="188"/>
  <c r="L895" i="188"/>
  <c r="K895" i="188"/>
  <c r="L894" i="188"/>
  <c r="K894" i="188"/>
  <c r="L893" i="188"/>
  <c r="K893" i="188"/>
  <c r="L892" i="188"/>
  <c r="K892" i="188"/>
  <c r="L891" i="188"/>
  <c r="K891" i="188"/>
  <c r="L890" i="188"/>
  <c r="K890" i="188"/>
  <c r="L889" i="188"/>
  <c r="K889" i="188"/>
  <c r="L888" i="188"/>
  <c r="K888" i="188"/>
  <c r="L887" i="188"/>
  <c r="K887" i="188"/>
  <c r="L886" i="188"/>
  <c r="K886" i="188"/>
  <c r="L885" i="188"/>
  <c r="K885" i="188"/>
  <c r="L884" i="188"/>
  <c r="K884" i="188"/>
  <c r="L883" i="188"/>
  <c r="K883" i="188"/>
  <c r="L882" i="188"/>
  <c r="K882" i="188"/>
  <c r="L881" i="188"/>
  <c r="K881" i="188"/>
  <c r="L880" i="188"/>
  <c r="K880" i="188"/>
  <c r="L879" i="188"/>
  <c r="K879" i="188"/>
  <c r="L878" i="188"/>
  <c r="K878" i="188"/>
  <c r="L877" i="188"/>
  <c r="K877" i="188"/>
  <c r="L876" i="188"/>
  <c r="K876" i="188"/>
  <c r="L875" i="188"/>
  <c r="K875" i="188"/>
  <c r="L874" i="188"/>
  <c r="K874" i="188"/>
  <c r="L873" i="188"/>
  <c r="K873" i="188"/>
  <c r="L872" i="188"/>
  <c r="K872" i="188"/>
  <c r="L871" i="188"/>
  <c r="K871" i="188"/>
  <c r="L870" i="188"/>
  <c r="K870" i="188"/>
  <c r="L869" i="188"/>
  <c r="K869" i="188"/>
  <c r="L868" i="188"/>
  <c r="K868" i="188"/>
  <c r="L867" i="188"/>
  <c r="K867" i="188"/>
  <c r="L866" i="188"/>
  <c r="K866" i="188"/>
  <c r="L865" i="188"/>
  <c r="K865" i="188"/>
  <c r="L864" i="188"/>
  <c r="K864" i="188"/>
  <c r="L863" i="188"/>
  <c r="K863" i="188"/>
  <c r="L862" i="188"/>
  <c r="K862" i="188"/>
  <c r="L861" i="188"/>
  <c r="K861" i="188"/>
  <c r="L860" i="188"/>
  <c r="K860" i="188"/>
  <c r="L859" i="188"/>
  <c r="K859" i="188"/>
  <c r="L858" i="188"/>
  <c r="K858" i="188"/>
  <c r="L857" i="188"/>
  <c r="K857" i="188"/>
  <c r="L856" i="188"/>
  <c r="K856" i="188"/>
  <c r="L855" i="188"/>
  <c r="K855" i="188"/>
  <c r="L854" i="188"/>
  <c r="K854" i="188"/>
  <c r="L853" i="188"/>
  <c r="K853" i="188"/>
  <c r="L852" i="188"/>
  <c r="K852" i="188"/>
  <c r="L851" i="188"/>
  <c r="K851" i="188"/>
  <c r="L850" i="188"/>
  <c r="K850" i="188"/>
  <c r="L849" i="188"/>
  <c r="K849" i="188"/>
  <c r="L848" i="188"/>
  <c r="K848" i="188"/>
  <c r="L847" i="188"/>
  <c r="K847" i="188"/>
  <c r="L846" i="188"/>
  <c r="K846" i="188"/>
  <c r="L845" i="188"/>
  <c r="K845" i="188"/>
  <c r="L844" i="188"/>
  <c r="K844" i="188"/>
  <c r="L843" i="188"/>
  <c r="K843" i="188"/>
  <c r="L842" i="188"/>
  <c r="K842" i="188"/>
  <c r="L841" i="188"/>
  <c r="K841" i="188"/>
  <c r="L840" i="188"/>
  <c r="K840" i="188"/>
  <c r="L839" i="188"/>
  <c r="K839" i="188"/>
  <c r="L838" i="188"/>
  <c r="K838" i="188"/>
  <c r="L837" i="188"/>
  <c r="K837" i="188"/>
  <c r="L836" i="188"/>
  <c r="K836" i="188"/>
  <c r="L835" i="188"/>
  <c r="K835" i="188"/>
  <c r="L834" i="188"/>
  <c r="K834" i="188"/>
  <c r="L833" i="188"/>
  <c r="K833" i="188"/>
  <c r="L832" i="188"/>
  <c r="K832" i="188"/>
  <c r="L831" i="188"/>
  <c r="K831" i="188"/>
  <c r="L830" i="188"/>
  <c r="K830" i="188"/>
  <c r="L829" i="188"/>
  <c r="K829" i="188"/>
  <c r="L828" i="188"/>
  <c r="K828" i="188"/>
  <c r="L827" i="188"/>
  <c r="K827" i="188"/>
  <c r="L826" i="188"/>
  <c r="K826" i="188"/>
  <c r="L825" i="188"/>
  <c r="K825" i="188"/>
  <c r="L824" i="188"/>
  <c r="K824" i="188"/>
  <c r="L823" i="188"/>
  <c r="K823" i="188"/>
  <c r="L822" i="188"/>
  <c r="K822" i="188"/>
  <c r="L821" i="188"/>
  <c r="K821" i="188"/>
  <c r="L820" i="188"/>
  <c r="K820" i="188"/>
  <c r="L819" i="188"/>
  <c r="K819" i="188"/>
  <c r="L818" i="188"/>
  <c r="K818" i="188"/>
  <c r="L817" i="188"/>
  <c r="K817" i="188"/>
  <c r="L816" i="188"/>
  <c r="K816" i="188"/>
  <c r="L815" i="188"/>
  <c r="K815" i="188"/>
  <c r="L814" i="188"/>
  <c r="K814" i="188"/>
  <c r="L813" i="188"/>
  <c r="K813" i="188"/>
  <c r="L812" i="188"/>
  <c r="K812" i="188"/>
  <c r="L811" i="188"/>
  <c r="K811" i="188"/>
  <c r="L810" i="188"/>
  <c r="K810" i="188"/>
  <c r="L809" i="188"/>
  <c r="K809" i="188"/>
  <c r="L808" i="188"/>
  <c r="K808" i="188"/>
  <c r="L807" i="188"/>
  <c r="K807" i="188"/>
  <c r="L806" i="188"/>
  <c r="K806" i="188"/>
  <c r="L805" i="188"/>
  <c r="K805" i="188"/>
  <c r="L804" i="188"/>
  <c r="K804" i="188"/>
  <c r="L803" i="188"/>
  <c r="K803" i="188"/>
  <c r="L802" i="188"/>
  <c r="K802" i="188"/>
  <c r="L801" i="188"/>
  <c r="K801" i="188"/>
  <c r="L800" i="188"/>
  <c r="K800" i="188"/>
  <c r="L799" i="188"/>
  <c r="K799" i="188"/>
  <c r="L798" i="188"/>
  <c r="K798" i="188"/>
  <c r="L797" i="188"/>
  <c r="K797" i="188"/>
  <c r="L796" i="188"/>
  <c r="K796" i="188"/>
  <c r="L795" i="188"/>
  <c r="K795" i="188"/>
  <c r="L794" i="188"/>
  <c r="K794" i="188"/>
  <c r="L793" i="188"/>
  <c r="K793" i="188"/>
  <c r="L792" i="188"/>
  <c r="K792" i="188"/>
  <c r="L791" i="188"/>
  <c r="K791" i="188"/>
  <c r="L790" i="188"/>
  <c r="K790" i="188"/>
  <c r="L789" i="188"/>
  <c r="K789" i="188"/>
  <c r="L788" i="188"/>
  <c r="K788" i="188"/>
  <c r="L787" i="188"/>
  <c r="K787" i="188"/>
  <c r="L786" i="188"/>
  <c r="K786" i="188"/>
  <c r="L785" i="188"/>
  <c r="K785" i="188"/>
  <c r="L784" i="188"/>
  <c r="K784" i="188"/>
  <c r="L783" i="188"/>
  <c r="K783" i="188"/>
  <c r="L782" i="188"/>
  <c r="K782" i="188"/>
  <c r="L781" i="188"/>
  <c r="K781" i="188"/>
  <c r="L780" i="188"/>
  <c r="K780" i="188"/>
  <c r="L779" i="188"/>
  <c r="K779" i="188"/>
  <c r="L778" i="188"/>
  <c r="K778" i="188"/>
  <c r="L777" i="188"/>
  <c r="K777" i="188"/>
  <c r="L776" i="188"/>
  <c r="K776" i="188"/>
  <c r="L775" i="188"/>
  <c r="K775" i="188"/>
  <c r="L774" i="188"/>
  <c r="K774" i="188"/>
  <c r="L773" i="188"/>
  <c r="K773" i="188"/>
  <c r="L772" i="188"/>
  <c r="K772" i="188"/>
  <c r="L771" i="188"/>
  <c r="K771" i="188"/>
  <c r="L770" i="188"/>
  <c r="K770" i="188"/>
  <c r="L769" i="188"/>
  <c r="K769" i="188"/>
  <c r="L768" i="188"/>
  <c r="K768" i="188"/>
  <c r="L767" i="188"/>
  <c r="K767" i="188"/>
  <c r="L766" i="188"/>
  <c r="K766" i="188"/>
  <c r="L765" i="188"/>
  <c r="K765" i="188"/>
  <c r="L764" i="188"/>
  <c r="K764" i="188"/>
  <c r="L763" i="188"/>
  <c r="K763" i="188"/>
  <c r="L762" i="188"/>
  <c r="K762" i="188"/>
  <c r="L761" i="188"/>
  <c r="K761" i="188"/>
  <c r="L760" i="188"/>
  <c r="K760" i="188"/>
  <c r="L759" i="188"/>
  <c r="K759" i="188"/>
  <c r="L758" i="188"/>
  <c r="K758" i="188"/>
  <c r="L757" i="188"/>
  <c r="K757" i="188"/>
  <c r="L756" i="188"/>
  <c r="K756" i="188"/>
  <c r="L755" i="188"/>
  <c r="K755" i="188"/>
  <c r="L754" i="188"/>
  <c r="K754" i="188"/>
  <c r="L753" i="188"/>
  <c r="K753" i="188"/>
  <c r="L752" i="188"/>
  <c r="K752" i="188"/>
  <c r="L751" i="188"/>
  <c r="K751" i="188"/>
  <c r="L750" i="188"/>
  <c r="K750" i="188"/>
  <c r="L749" i="188"/>
  <c r="K749" i="188"/>
  <c r="L748" i="188"/>
  <c r="K748" i="188"/>
  <c r="L747" i="188"/>
  <c r="K747" i="188"/>
  <c r="L746" i="188"/>
  <c r="K746" i="188"/>
  <c r="L745" i="188"/>
  <c r="K745" i="188"/>
  <c r="L744" i="188"/>
  <c r="K744" i="188"/>
  <c r="L743" i="188"/>
  <c r="K743" i="188"/>
  <c r="L742" i="188"/>
  <c r="K742" i="188"/>
  <c r="L741" i="188"/>
  <c r="K741" i="188"/>
  <c r="L740" i="188"/>
  <c r="K740" i="188"/>
  <c r="L739" i="188"/>
  <c r="K739" i="188"/>
  <c r="L738" i="188"/>
  <c r="K738" i="188"/>
  <c r="L737" i="188"/>
  <c r="K737" i="188"/>
  <c r="L736" i="188"/>
  <c r="K736" i="188"/>
  <c r="L735" i="188"/>
  <c r="K735" i="188"/>
  <c r="L734" i="188"/>
  <c r="K734" i="188"/>
  <c r="L733" i="188"/>
  <c r="K733" i="188"/>
  <c r="L732" i="188"/>
  <c r="K732" i="188"/>
  <c r="L731" i="188"/>
  <c r="K731" i="188"/>
  <c r="L730" i="188"/>
  <c r="K730" i="188"/>
  <c r="L729" i="188"/>
  <c r="K729" i="188"/>
  <c r="L728" i="188"/>
  <c r="K728" i="188"/>
  <c r="L727" i="188"/>
  <c r="K727" i="188"/>
  <c r="L726" i="188"/>
  <c r="K726" i="188"/>
  <c r="L725" i="188"/>
  <c r="K725" i="188"/>
  <c r="L724" i="188"/>
  <c r="K724" i="188"/>
  <c r="L723" i="188"/>
  <c r="K723" i="188"/>
  <c r="L722" i="188"/>
  <c r="K722" i="188"/>
  <c r="L721" i="188"/>
  <c r="K721" i="188"/>
  <c r="L720" i="188"/>
  <c r="K720" i="188"/>
  <c r="L719" i="188"/>
  <c r="K719" i="188"/>
  <c r="L718" i="188"/>
  <c r="K718" i="188"/>
  <c r="L717" i="188"/>
  <c r="K717" i="188"/>
  <c r="L716" i="188"/>
  <c r="K716" i="188"/>
  <c r="L715" i="188"/>
  <c r="K715" i="188"/>
  <c r="L714" i="188"/>
  <c r="K714" i="188"/>
  <c r="L713" i="188"/>
  <c r="K713" i="188"/>
  <c r="L712" i="188"/>
  <c r="K712" i="188"/>
  <c r="L711" i="188"/>
  <c r="K711" i="188"/>
  <c r="L710" i="188"/>
  <c r="K710" i="188"/>
  <c r="L709" i="188"/>
  <c r="K709" i="188"/>
  <c r="L708" i="188"/>
  <c r="K708" i="188"/>
  <c r="L707" i="188"/>
  <c r="K707" i="188"/>
  <c r="L706" i="188"/>
  <c r="K706" i="188"/>
  <c r="L705" i="188"/>
  <c r="K705" i="188"/>
  <c r="L704" i="188"/>
  <c r="K704" i="188"/>
  <c r="L703" i="188"/>
  <c r="K703" i="188"/>
  <c r="L702" i="188"/>
  <c r="K702" i="188"/>
  <c r="L701" i="188"/>
  <c r="K701" i="188"/>
  <c r="L700" i="188"/>
  <c r="K700" i="188"/>
  <c r="L699" i="188"/>
  <c r="K699" i="188"/>
  <c r="L698" i="188"/>
  <c r="K698" i="188"/>
  <c r="L697" i="188"/>
  <c r="K697" i="188"/>
  <c r="L696" i="188"/>
  <c r="K696" i="188"/>
  <c r="L695" i="188"/>
  <c r="K695" i="188"/>
  <c r="L694" i="188"/>
  <c r="K694" i="188"/>
  <c r="L693" i="188"/>
  <c r="K693" i="188"/>
  <c r="L692" i="188"/>
  <c r="K692" i="188"/>
  <c r="L691" i="188"/>
  <c r="K691" i="188"/>
  <c r="L690" i="188"/>
  <c r="K690" i="188"/>
  <c r="L689" i="188"/>
  <c r="K689" i="188"/>
  <c r="L688" i="188"/>
  <c r="K688" i="188"/>
  <c r="L687" i="188"/>
  <c r="K687" i="188"/>
  <c r="L686" i="188"/>
  <c r="K686" i="188"/>
  <c r="L685" i="188"/>
  <c r="K685" i="188"/>
  <c r="L684" i="188"/>
  <c r="K684" i="188"/>
  <c r="L683" i="188"/>
  <c r="K683" i="188"/>
  <c r="L682" i="188"/>
  <c r="K682" i="188"/>
  <c r="L681" i="188"/>
  <c r="K681" i="188"/>
  <c r="L680" i="188"/>
  <c r="K680" i="188"/>
  <c r="L679" i="188"/>
  <c r="K679" i="188"/>
  <c r="L678" i="188"/>
  <c r="K678" i="188"/>
  <c r="L677" i="188"/>
  <c r="K677" i="188"/>
  <c r="L676" i="188"/>
  <c r="K676" i="188"/>
  <c r="L675" i="188"/>
  <c r="K675" i="188"/>
  <c r="L674" i="188"/>
  <c r="K674" i="188"/>
  <c r="L673" i="188"/>
  <c r="K673" i="188"/>
  <c r="L672" i="188"/>
  <c r="K672" i="188"/>
  <c r="L671" i="188"/>
  <c r="K671" i="188"/>
  <c r="L670" i="188"/>
  <c r="K670" i="188"/>
  <c r="L669" i="188"/>
  <c r="K669" i="188"/>
  <c r="L668" i="188"/>
  <c r="K668" i="188"/>
  <c r="L667" i="188"/>
  <c r="K667" i="188"/>
  <c r="L666" i="188"/>
  <c r="K666" i="188"/>
  <c r="L665" i="188"/>
  <c r="K665" i="188"/>
  <c r="L664" i="188"/>
  <c r="K664" i="188"/>
  <c r="L663" i="188"/>
  <c r="K663" i="188"/>
  <c r="L662" i="188"/>
  <c r="K662" i="188"/>
  <c r="L661" i="188"/>
  <c r="K661" i="188"/>
  <c r="L660" i="188"/>
  <c r="K660" i="188"/>
  <c r="L659" i="188"/>
  <c r="K659" i="188"/>
  <c r="L658" i="188"/>
  <c r="K658" i="188"/>
  <c r="L657" i="188"/>
  <c r="K657" i="188"/>
  <c r="L656" i="188"/>
  <c r="K656" i="188"/>
  <c r="L655" i="188"/>
  <c r="K655" i="188"/>
  <c r="L654" i="188"/>
  <c r="K654" i="188"/>
  <c r="L653" i="188"/>
  <c r="K653" i="188"/>
  <c r="L652" i="188"/>
  <c r="K652" i="188"/>
  <c r="L651" i="188"/>
  <c r="K651" i="188"/>
  <c r="L650" i="188"/>
  <c r="K650" i="188"/>
  <c r="L649" i="188"/>
  <c r="K649" i="188"/>
  <c r="L648" i="188"/>
  <c r="K648" i="188"/>
  <c r="L647" i="188"/>
  <c r="K647" i="188"/>
  <c r="L646" i="188"/>
  <c r="K646" i="188"/>
  <c r="L645" i="188"/>
  <c r="K645" i="188"/>
  <c r="L644" i="188"/>
  <c r="K644" i="188"/>
  <c r="L643" i="188"/>
  <c r="K643" i="188"/>
  <c r="L642" i="188"/>
  <c r="K642" i="188"/>
  <c r="L641" i="188"/>
  <c r="K641" i="188"/>
  <c r="L640" i="188"/>
  <c r="K640" i="188"/>
  <c r="L639" i="188"/>
  <c r="K639" i="188"/>
  <c r="L638" i="188"/>
  <c r="K638" i="188"/>
  <c r="L637" i="188"/>
  <c r="K637" i="188"/>
  <c r="L636" i="188"/>
  <c r="K636" i="188"/>
  <c r="L635" i="188"/>
  <c r="K635" i="188"/>
  <c r="L634" i="188"/>
  <c r="K634" i="188"/>
  <c r="L633" i="188"/>
  <c r="K633" i="188"/>
  <c r="L632" i="188"/>
  <c r="K632" i="188"/>
  <c r="L631" i="188"/>
  <c r="K631" i="188"/>
  <c r="L630" i="188"/>
  <c r="K630" i="188"/>
  <c r="L629" i="188"/>
  <c r="K629" i="188"/>
  <c r="L628" i="188"/>
  <c r="K628" i="188"/>
  <c r="L627" i="188"/>
  <c r="K627" i="188"/>
  <c r="L626" i="188"/>
  <c r="K626" i="188"/>
  <c r="L625" i="188"/>
  <c r="K625" i="188"/>
  <c r="L624" i="188"/>
  <c r="K624" i="188"/>
  <c r="L623" i="188"/>
  <c r="K623" i="188"/>
  <c r="L622" i="188"/>
  <c r="K622" i="188"/>
  <c r="L621" i="188"/>
  <c r="K621" i="188"/>
  <c r="L620" i="188"/>
  <c r="K620" i="188"/>
  <c r="L619" i="188"/>
  <c r="K619" i="188"/>
  <c r="L618" i="188"/>
  <c r="K618" i="188"/>
  <c r="L617" i="188"/>
  <c r="K617" i="188"/>
  <c r="L616" i="188"/>
  <c r="K616" i="188"/>
  <c r="L615" i="188"/>
  <c r="K615" i="188"/>
  <c r="L614" i="188"/>
  <c r="K614" i="188"/>
  <c r="L613" i="188"/>
  <c r="K613" i="188"/>
  <c r="L612" i="188"/>
  <c r="K612" i="188"/>
  <c r="L611" i="188"/>
  <c r="K611" i="188"/>
  <c r="L610" i="188"/>
  <c r="K610" i="188"/>
  <c r="L609" i="188"/>
  <c r="K609" i="188"/>
  <c r="L608" i="188"/>
  <c r="K608" i="188"/>
  <c r="L607" i="188"/>
  <c r="K607" i="188"/>
  <c r="L606" i="188"/>
  <c r="K606" i="188"/>
  <c r="L605" i="188"/>
  <c r="K605" i="188"/>
  <c r="L604" i="188"/>
  <c r="K604" i="188"/>
  <c r="L603" i="188"/>
  <c r="K603" i="188"/>
  <c r="L602" i="188"/>
  <c r="K602" i="188"/>
  <c r="L601" i="188"/>
  <c r="K601" i="188"/>
  <c r="L600" i="188"/>
  <c r="K600" i="188"/>
  <c r="L599" i="188"/>
  <c r="K599" i="188"/>
  <c r="L598" i="188"/>
  <c r="K598" i="188"/>
  <c r="L597" i="188"/>
  <c r="K597" i="188"/>
  <c r="L596" i="188"/>
  <c r="K596" i="188"/>
  <c r="L595" i="188"/>
  <c r="K595" i="188"/>
  <c r="L594" i="188"/>
  <c r="K594" i="188"/>
  <c r="L593" i="188"/>
  <c r="K593" i="188"/>
  <c r="L592" i="188"/>
  <c r="K592" i="188"/>
  <c r="L591" i="188"/>
  <c r="K591" i="188"/>
  <c r="L590" i="188"/>
  <c r="K590" i="188"/>
  <c r="L589" i="188"/>
  <c r="K589" i="188"/>
  <c r="L588" i="188"/>
  <c r="K588" i="188"/>
  <c r="L587" i="188"/>
  <c r="K587" i="188"/>
  <c r="L586" i="188"/>
  <c r="K586" i="188"/>
  <c r="L585" i="188"/>
  <c r="K585" i="188"/>
  <c r="L584" i="188"/>
  <c r="K584" i="188"/>
  <c r="L583" i="188"/>
  <c r="K583" i="188"/>
  <c r="L582" i="188"/>
  <c r="K582" i="188"/>
  <c r="L581" i="188"/>
  <c r="K581" i="188"/>
  <c r="L580" i="188"/>
  <c r="K580" i="188"/>
  <c r="L579" i="188"/>
  <c r="K579" i="188"/>
  <c r="L578" i="188"/>
  <c r="K578" i="188"/>
  <c r="L577" i="188"/>
  <c r="K577" i="188"/>
  <c r="L576" i="188"/>
  <c r="K576" i="188"/>
  <c r="L575" i="188"/>
  <c r="K575" i="188"/>
  <c r="L574" i="188"/>
  <c r="K574" i="188"/>
  <c r="L573" i="188"/>
  <c r="K573" i="188"/>
  <c r="L572" i="188"/>
  <c r="K572" i="188"/>
  <c r="L571" i="188"/>
  <c r="K571" i="188"/>
  <c r="L570" i="188"/>
  <c r="K570" i="188"/>
  <c r="L569" i="188"/>
  <c r="K569" i="188"/>
  <c r="L568" i="188"/>
  <c r="K568" i="188"/>
  <c r="L567" i="188"/>
  <c r="K567" i="188"/>
  <c r="L566" i="188"/>
  <c r="K566" i="188"/>
  <c r="L565" i="188"/>
  <c r="K565" i="188"/>
  <c r="L564" i="188"/>
  <c r="K564" i="188"/>
  <c r="L563" i="188"/>
  <c r="K563" i="188"/>
  <c r="L562" i="188"/>
  <c r="K562" i="188"/>
  <c r="L561" i="188"/>
  <c r="K561" i="188"/>
  <c r="L560" i="188"/>
  <c r="K560" i="188"/>
  <c r="L559" i="188"/>
  <c r="K559" i="188"/>
  <c r="L558" i="188"/>
  <c r="K558" i="188"/>
  <c r="L557" i="188"/>
  <c r="K557" i="188"/>
  <c r="L556" i="188"/>
  <c r="K556" i="188"/>
  <c r="L555" i="188"/>
  <c r="K555" i="188"/>
  <c r="L554" i="188"/>
  <c r="K554" i="188"/>
  <c r="L553" i="188"/>
  <c r="K553" i="188"/>
  <c r="L552" i="188"/>
  <c r="K552" i="188"/>
  <c r="L551" i="188"/>
  <c r="K551" i="188"/>
  <c r="L550" i="188"/>
  <c r="K550" i="188"/>
  <c r="L549" i="188"/>
  <c r="K549" i="188"/>
  <c r="L548" i="188"/>
  <c r="K548" i="188"/>
  <c r="L547" i="188"/>
  <c r="K547" i="188"/>
  <c r="L546" i="188"/>
  <c r="K546" i="188"/>
  <c r="L545" i="188"/>
  <c r="K545" i="188"/>
  <c r="L544" i="188"/>
  <c r="K544" i="188"/>
  <c r="L543" i="188"/>
  <c r="K543" i="188"/>
  <c r="L542" i="188"/>
  <c r="K542" i="188"/>
  <c r="L541" i="188"/>
  <c r="K541" i="188"/>
  <c r="L540" i="188"/>
  <c r="K540" i="188"/>
  <c r="L539" i="188"/>
  <c r="K539" i="188"/>
  <c r="L538" i="188"/>
  <c r="K538" i="188"/>
  <c r="L537" i="188"/>
  <c r="K537" i="188"/>
  <c r="L536" i="188"/>
  <c r="K536" i="188"/>
  <c r="L535" i="188"/>
  <c r="K535" i="188"/>
  <c r="L534" i="188"/>
  <c r="K534" i="188"/>
  <c r="L533" i="188"/>
  <c r="K533" i="188"/>
  <c r="L532" i="188"/>
  <c r="K532" i="188"/>
  <c r="L531" i="188"/>
  <c r="K531" i="188"/>
  <c r="L530" i="188"/>
  <c r="K530" i="188"/>
  <c r="L529" i="188"/>
  <c r="K529" i="188"/>
  <c r="L528" i="188"/>
  <c r="K528" i="188"/>
  <c r="L527" i="188"/>
  <c r="K527" i="188"/>
  <c r="L526" i="188"/>
  <c r="K526" i="188"/>
  <c r="L525" i="188"/>
  <c r="K525" i="188"/>
  <c r="L524" i="188"/>
  <c r="K524" i="188"/>
  <c r="L523" i="188"/>
  <c r="K523" i="188"/>
  <c r="L522" i="188"/>
  <c r="K522" i="188"/>
  <c r="L521" i="188"/>
  <c r="K521" i="188"/>
  <c r="L520" i="188"/>
  <c r="K520" i="188"/>
  <c r="L519" i="188"/>
  <c r="K519" i="188"/>
  <c r="L518" i="188"/>
  <c r="K518" i="188"/>
  <c r="L517" i="188"/>
  <c r="K517" i="188"/>
  <c r="L516" i="188"/>
  <c r="K516" i="188"/>
  <c r="L515" i="188"/>
  <c r="K515" i="188"/>
  <c r="L514" i="188"/>
  <c r="K514" i="188"/>
  <c r="L513" i="188"/>
  <c r="K513" i="188"/>
  <c r="L512" i="188"/>
  <c r="K512" i="188"/>
  <c r="L511" i="188"/>
  <c r="K511" i="188"/>
  <c r="L510" i="188"/>
  <c r="K510" i="188"/>
  <c r="L509" i="188"/>
  <c r="K509" i="188"/>
  <c r="L508" i="188"/>
  <c r="K508" i="188"/>
  <c r="L507" i="188"/>
  <c r="K507" i="188"/>
  <c r="L506" i="188"/>
  <c r="K506" i="188"/>
  <c r="L505" i="188"/>
  <c r="K505" i="188"/>
  <c r="L504" i="188"/>
  <c r="K504" i="188"/>
  <c r="L503" i="188"/>
  <c r="K503" i="188"/>
  <c r="L502" i="188"/>
  <c r="K502" i="188"/>
  <c r="L501" i="188"/>
  <c r="K501" i="188"/>
  <c r="L500" i="188"/>
  <c r="K500" i="188"/>
  <c r="L499" i="188"/>
  <c r="K499" i="188"/>
  <c r="L498" i="188"/>
  <c r="K498" i="188"/>
  <c r="L497" i="188"/>
  <c r="K497" i="188"/>
  <c r="L496" i="188"/>
  <c r="K496" i="188"/>
  <c r="L495" i="188"/>
  <c r="K495" i="188"/>
  <c r="L494" i="188"/>
  <c r="K494" i="188"/>
  <c r="L493" i="188"/>
  <c r="K493" i="188"/>
  <c r="L492" i="188"/>
  <c r="K492" i="188"/>
  <c r="L491" i="188"/>
  <c r="K491" i="188"/>
  <c r="L490" i="188"/>
  <c r="K490" i="188"/>
  <c r="L489" i="188"/>
  <c r="K489" i="188"/>
  <c r="L488" i="188"/>
  <c r="K488" i="188"/>
  <c r="L487" i="188"/>
  <c r="K487" i="188"/>
  <c r="L486" i="188"/>
  <c r="K486" i="188"/>
  <c r="L485" i="188"/>
  <c r="K485" i="188"/>
  <c r="L484" i="188"/>
  <c r="K484" i="188"/>
  <c r="L483" i="188"/>
  <c r="K483" i="188"/>
  <c r="L482" i="188"/>
  <c r="K482" i="188"/>
  <c r="L481" i="188"/>
  <c r="K481" i="188"/>
  <c r="L480" i="188"/>
  <c r="K480" i="188"/>
  <c r="L479" i="188"/>
  <c r="K479" i="188"/>
  <c r="L478" i="188"/>
  <c r="K478" i="188"/>
  <c r="L477" i="188"/>
  <c r="K477" i="188"/>
  <c r="L476" i="188"/>
  <c r="K476" i="188"/>
  <c r="L475" i="188"/>
  <c r="K475" i="188"/>
  <c r="L474" i="188"/>
  <c r="K474" i="188"/>
  <c r="L473" i="188"/>
  <c r="K473" i="188"/>
  <c r="L472" i="188"/>
  <c r="K472" i="188"/>
  <c r="L471" i="188"/>
  <c r="K471" i="188"/>
  <c r="L470" i="188"/>
  <c r="K470" i="188"/>
  <c r="L469" i="188"/>
  <c r="K469" i="188"/>
  <c r="L468" i="188"/>
  <c r="K468" i="188"/>
  <c r="L467" i="188"/>
  <c r="K467" i="188"/>
  <c r="L466" i="188"/>
  <c r="K466" i="188"/>
  <c r="L465" i="188"/>
  <c r="K465" i="188"/>
  <c r="L464" i="188"/>
  <c r="K464" i="188"/>
  <c r="L463" i="188"/>
  <c r="K463" i="188"/>
  <c r="L462" i="188"/>
  <c r="K462" i="188"/>
  <c r="L461" i="188"/>
  <c r="K461" i="188"/>
  <c r="L460" i="188"/>
  <c r="K460" i="188"/>
  <c r="L459" i="188"/>
  <c r="K459" i="188"/>
  <c r="L458" i="188"/>
  <c r="K458" i="188"/>
  <c r="L457" i="188"/>
  <c r="K457" i="188"/>
  <c r="L456" i="188"/>
  <c r="K456" i="188"/>
  <c r="L455" i="188"/>
  <c r="K455" i="188"/>
  <c r="L454" i="188"/>
  <c r="K454" i="188"/>
  <c r="L453" i="188"/>
  <c r="K453" i="188"/>
  <c r="L452" i="188"/>
  <c r="K452" i="188"/>
  <c r="L451" i="188"/>
  <c r="K451" i="188"/>
  <c r="L450" i="188"/>
  <c r="K450" i="188"/>
  <c r="L449" i="188"/>
  <c r="K449" i="188"/>
  <c r="L448" i="188"/>
  <c r="K448" i="188"/>
  <c r="L447" i="188"/>
  <c r="K447" i="188"/>
  <c r="L446" i="188"/>
  <c r="K446" i="188"/>
  <c r="L445" i="188"/>
  <c r="K445" i="188"/>
  <c r="L444" i="188"/>
  <c r="K444" i="188"/>
  <c r="L443" i="188"/>
  <c r="K443" i="188"/>
  <c r="L442" i="188"/>
  <c r="K442" i="188"/>
  <c r="L441" i="188"/>
  <c r="K441" i="188"/>
  <c r="L440" i="188"/>
  <c r="K440" i="188"/>
  <c r="L439" i="188"/>
  <c r="K439" i="188"/>
  <c r="L438" i="188"/>
  <c r="K438" i="188"/>
  <c r="L437" i="188"/>
  <c r="K437" i="188"/>
  <c r="L436" i="188"/>
  <c r="K436" i="188"/>
  <c r="L435" i="188"/>
  <c r="K435" i="188"/>
  <c r="L434" i="188"/>
  <c r="K434" i="188"/>
  <c r="L433" i="188"/>
  <c r="K433" i="188"/>
  <c r="L432" i="188"/>
  <c r="K432" i="188"/>
  <c r="L431" i="188"/>
  <c r="K431" i="188"/>
  <c r="L430" i="188"/>
  <c r="K430" i="188"/>
  <c r="L429" i="188"/>
  <c r="K429" i="188"/>
  <c r="L428" i="188"/>
  <c r="K428" i="188"/>
  <c r="L427" i="188"/>
  <c r="K427" i="188"/>
  <c r="L426" i="188"/>
  <c r="K426" i="188"/>
  <c r="L425" i="188"/>
  <c r="K425" i="188"/>
  <c r="L424" i="188"/>
  <c r="K424" i="188"/>
  <c r="L423" i="188"/>
  <c r="K423" i="188"/>
  <c r="L422" i="188"/>
  <c r="K422" i="188"/>
  <c r="L421" i="188"/>
  <c r="K421" i="188"/>
  <c r="L420" i="188"/>
  <c r="K420" i="188"/>
  <c r="L419" i="188"/>
  <c r="K419" i="188"/>
  <c r="L418" i="188"/>
  <c r="K418" i="188"/>
  <c r="L417" i="188"/>
  <c r="K417" i="188"/>
  <c r="L416" i="188"/>
  <c r="K416" i="188"/>
  <c r="L415" i="188"/>
  <c r="K415" i="188"/>
  <c r="L414" i="188"/>
  <c r="K414" i="188"/>
  <c r="L413" i="188"/>
  <c r="K413" i="188"/>
  <c r="L412" i="188"/>
  <c r="K412" i="188"/>
  <c r="L411" i="188"/>
  <c r="K411" i="188"/>
  <c r="L410" i="188"/>
  <c r="K410" i="188"/>
  <c r="L409" i="188"/>
  <c r="K409" i="188"/>
  <c r="L408" i="188"/>
  <c r="K408" i="188"/>
  <c r="L407" i="188"/>
  <c r="K407" i="188"/>
  <c r="L406" i="188"/>
  <c r="K406" i="188"/>
  <c r="L405" i="188"/>
  <c r="K405" i="188"/>
  <c r="L404" i="188"/>
  <c r="K404" i="188"/>
  <c r="L403" i="188"/>
  <c r="K403" i="188"/>
  <c r="L402" i="188"/>
  <c r="K402" i="188"/>
  <c r="L401" i="188"/>
  <c r="K401" i="188"/>
  <c r="L400" i="188"/>
  <c r="K400" i="188"/>
  <c r="L399" i="188"/>
  <c r="K399" i="188"/>
  <c r="L398" i="188"/>
  <c r="K398" i="188"/>
  <c r="L397" i="188"/>
  <c r="K397" i="188"/>
  <c r="L396" i="188"/>
  <c r="K396" i="188"/>
  <c r="L395" i="188"/>
  <c r="K395" i="188"/>
  <c r="L394" i="188"/>
  <c r="K394" i="188"/>
  <c r="L393" i="188"/>
  <c r="K393" i="188"/>
  <c r="L392" i="188"/>
  <c r="K392" i="188"/>
  <c r="L391" i="188"/>
  <c r="K391" i="188"/>
  <c r="L390" i="188"/>
  <c r="K390" i="188"/>
  <c r="L389" i="188"/>
  <c r="K389" i="188"/>
  <c r="L388" i="188"/>
  <c r="K388" i="188"/>
  <c r="L387" i="188"/>
  <c r="K387" i="188"/>
  <c r="L386" i="188"/>
  <c r="K386" i="188"/>
  <c r="L385" i="188"/>
  <c r="K385" i="188"/>
  <c r="L384" i="188"/>
  <c r="K384" i="188"/>
  <c r="L383" i="188"/>
  <c r="K383" i="188"/>
  <c r="L382" i="188"/>
  <c r="K382" i="188"/>
  <c r="L381" i="188"/>
  <c r="K381" i="188"/>
  <c r="L380" i="188"/>
  <c r="K380" i="188"/>
  <c r="L379" i="188"/>
  <c r="K379" i="188"/>
  <c r="L378" i="188"/>
  <c r="K378" i="188"/>
  <c r="L377" i="188"/>
  <c r="K377" i="188"/>
  <c r="L376" i="188"/>
  <c r="K376" i="188"/>
  <c r="L375" i="188"/>
  <c r="K375" i="188"/>
  <c r="L374" i="188"/>
  <c r="K374" i="188"/>
  <c r="L373" i="188"/>
  <c r="K373" i="188"/>
  <c r="L372" i="188"/>
  <c r="K372" i="188"/>
  <c r="L371" i="188"/>
  <c r="K371" i="188"/>
  <c r="L370" i="188"/>
  <c r="K370" i="188"/>
  <c r="L369" i="188"/>
  <c r="K369" i="188"/>
  <c r="L368" i="188"/>
  <c r="K368" i="188"/>
  <c r="L367" i="188"/>
  <c r="K367" i="188"/>
  <c r="L366" i="188"/>
  <c r="K366" i="188"/>
  <c r="L365" i="188"/>
  <c r="K365" i="188"/>
  <c r="L364" i="188"/>
  <c r="K364" i="188"/>
  <c r="L363" i="188"/>
  <c r="K363" i="188"/>
  <c r="L362" i="188"/>
  <c r="K362" i="188"/>
  <c r="L361" i="188"/>
  <c r="K361" i="188"/>
  <c r="L360" i="188"/>
  <c r="K360" i="188"/>
  <c r="L359" i="188"/>
  <c r="K359" i="188"/>
  <c r="L358" i="188"/>
  <c r="K358" i="188"/>
  <c r="L357" i="188"/>
  <c r="K357" i="188"/>
  <c r="L356" i="188"/>
  <c r="K356" i="188"/>
  <c r="L355" i="188"/>
  <c r="K355" i="188"/>
  <c r="L354" i="188"/>
  <c r="K354" i="188"/>
  <c r="L353" i="188"/>
  <c r="K353" i="188"/>
  <c r="L352" i="188"/>
  <c r="K352" i="188"/>
  <c r="L351" i="188"/>
  <c r="K351" i="188"/>
  <c r="L350" i="188"/>
  <c r="K350" i="188"/>
  <c r="L349" i="188"/>
  <c r="K349" i="188"/>
  <c r="L348" i="188"/>
  <c r="K348" i="188"/>
  <c r="L347" i="188"/>
  <c r="K347" i="188"/>
  <c r="L346" i="188"/>
  <c r="K346" i="188"/>
  <c r="L345" i="188"/>
  <c r="K345" i="188"/>
  <c r="L344" i="188"/>
  <c r="K344" i="188"/>
  <c r="L343" i="188"/>
  <c r="K343" i="188"/>
  <c r="L342" i="188"/>
  <c r="K342" i="188"/>
  <c r="L341" i="188"/>
  <c r="K341" i="188"/>
  <c r="L340" i="188"/>
  <c r="K340" i="188"/>
  <c r="L339" i="188"/>
  <c r="K339" i="188"/>
  <c r="L338" i="188"/>
  <c r="K338" i="188"/>
  <c r="L337" i="188"/>
  <c r="K337" i="188"/>
  <c r="L336" i="188"/>
  <c r="K336" i="188"/>
  <c r="L335" i="188"/>
  <c r="K335" i="188"/>
  <c r="L334" i="188"/>
  <c r="K334" i="188"/>
  <c r="L333" i="188"/>
  <c r="K333" i="188"/>
  <c r="L332" i="188"/>
  <c r="K332" i="188"/>
  <c r="L331" i="188"/>
  <c r="K331" i="188"/>
  <c r="L330" i="188"/>
  <c r="K330" i="188"/>
  <c r="L329" i="188"/>
  <c r="K329" i="188"/>
  <c r="L328" i="188"/>
  <c r="K328" i="188"/>
  <c r="L327" i="188"/>
  <c r="K327" i="188"/>
  <c r="L326" i="188"/>
  <c r="K326" i="188"/>
  <c r="L325" i="188"/>
  <c r="K325" i="188"/>
  <c r="L324" i="188"/>
  <c r="K324" i="188"/>
  <c r="L323" i="188"/>
  <c r="K323" i="188"/>
  <c r="L322" i="188"/>
  <c r="K322" i="188"/>
  <c r="L321" i="188"/>
  <c r="K321" i="188"/>
  <c r="L320" i="188"/>
  <c r="K320" i="188"/>
  <c r="L319" i="188"/>
  <c r="K319" i="188"/>
  <c r="L318" i="188"/>
  <c r="K318" i="188"/>
  <c r="L317" i="188"/>
  <c r="K317" i="188"/>
  <c r="L316" i="188"/>
  <c r="K316" i="188"/>
  <c r="L315" i="188"/>
  <c r="K315" i="188"/>
  <c r="L314" i="188"/>
  <c r="K314" i="188"/>
  <c r="L313" i="188"/>
  <c r="K313" i="188"/>
  <c r="L312" i="188"/>
  <c r="K312" i="188"/>
  <c r="L311" i="188"/>
  <c r="K311" i="188"/>
  <c r="L310" i="188"/>
  <c r="K310" i="188"/>
  <c r="L309" i="188"/>
  <c r="K309" i="188"/>
  <c r="L308" i="188"/>
  <c r="K308" i="188"/>
  <c r="L307" i="188"/>
  <c r="K307" i="188"/>
  <c r="L306" i="188"/>
  <c r="K306" i="188"/>
  <c r="L305" i="188"/>
  <c r="K305" i="188"/>
  <c r="L304" i="188"/>
  <c r="K304" i="188"/>
  <c r="L303" i="188"/>
  <c r="K303" i="188"/>
  <c r="L302" i="188"/>
  <c r="K302" i="188"/>
  <c r="L301" i="188"/>
  <c r="K301" i="188"/>
  <c r="L300" i="188"/>
  <c r="K300" i="188"/>
  <c r="L299" i="188"/>
  <c r="K299" i="188"/>
  <c r="L298" i="188"/>
  <c r="K298" i="188"/>
  <c r="L297" i="188"/>
  <c r="K297" i="188"/>
  <c r="L296" i="188"/>
  <c r="K296" i="188"/>
  <c r="L295" i="188"/>
  <c r="K295" i="188"/>
  <c r="L294" i="188"/>
  <c r="K294" i="188"/>
  <c r="L293" i="188"/>
  <c r="K293" i="188"/>
  <c r="L292" i="188"/>
  <c r="K292" i="188"/>
  <c r="L291" i="188"/>
  <c r="K291" i="188"/>
  <c r="L290" i="188"/>
  <c r="K290" i="188"/>
  <c r="L289" i="188"/>
  <c r="K289" i="188"/>
  <c r="L288" i="188"/>
  <c r="K288" i="188"/>
  <c r="L287" i="188"/>
  <c r="K287" i="188"/>
  <c r="L286" i="188"/>
  <c r="K286" i="188"/>
  <c r="L285" i="188"/>
  <c r="K285" i="188"/>
  <c r="L284" i="188"/>
  <c r="K284" i="188"/>
  <c r="L283" i="188"/>
  <c r="K283" i="188"/>
  <c r="L282" i="188"/>
  <c r="K282" i="188"/>
  <c r="L281" i="188"/>
  <c r="K281" i="188"/>
  <c r="L280" i="188"/>
  <c r="K280" i="188"/>
  <c r="L279" i="188"/>
  <c r="K279" i="188"/>
  <c r="L278" i="188"/>
  <c r="K278" i="188"/>
  <c r="L277" i="188"/>
  <c r="K277" i="188"/>
  <c r="L276" i="188"/>
  <c r="K276" i="188"/>
  <c r="L275" i="188"/>
  <c r="K275" i="188"/>
  <c r="L274" i="188"/>
  <c r="K274" i="188"/>
  <c r="L273" i="188"/>
  <c r="K273" i="188"/>
  <c r="L272" i="188"/>
  <c r="K272" i="188"/>
  <c r="L271" i="188"/>
  <c r="K271" i="188"/>
  <c r="L270" i="188"/>
  <c r="K270" i="188"/>
  <c r="L269" i="188"/>
  <c r="K269" i="188"/>
  <c r="L268" i="188"/>
  <c r="K268" i="188"/>
  <c r="L267" i="188"/>
  <c r="K267" i="188"/>
  <c r="L266" i="188"/>
  <c r="K266" i="188"/>
  <c r="L265" i="188"/>
  <c r="K265" i="188"/>
  <c r="L264" i="188"/>
  <c r="K264" i="188"/>
  <c r="L263" i="188"/>
  <c r="K263" i="188"/>
  <c r="L262" i="188"/>
  <c r="K262" i="188"/>
  <c r="L261" i="188"/>
  <c r="K261" i="188"/>
  <c r="L260" i="188"/>
  <c r="K260" i="188"/>
  <c r="L259" i="188"/>
  <c r="K259" i="188"/>
  <c r="L258" i="188"/>
  <c r="K258" i="188"/>
  <c r="L257" i="188"/>
  <c r="K257" i="188"/>
  <c r="L256" i="188"/>
  <c r="K256" i="188"/>
  <c r="L255" i="188"/>
  <c r="K255" i="188"/>
  <c r="L254" i="188"/>
  <c r="K254" i="188"/>
  <c r="L253" i="188"/>
  <c r="K253" i="188"/>
  <c r="L252" i="188"/>
  <c r="K252" i="188"/>
  <c r="L251" i="188"/>
  <c r="K251" i="188"/>
  <c r="L250" i="188"/>
  <c r="K250" i="188"/>
  <c r="L249" i="188"/>
  <c r="K249" i="188"/>
  <c r="L248" i="188"/>
  <c r="K248" i="188"/>
  <c r="L247" i="188"/>
  <c r="K247" i="188"/>
  <c r="L246" i="188"/>
  <c r="K246" i="188"/>
  <c r="L245" i="188"/>
  <c r="K245" i="188"/>
  <c r="L244" i="188"/>
  <c r="K244" i="188"/>
  <c r="L243" i="188"/>
  <c r="K243" i="188"/>
  <c r="L242" i="188"/>
  <c r="K242" i="188"/>
  <c r="L241" i="188"/>
  <c r="K241" i="188"/>
  <c r="L240" i="188"/>
  <c r="K240" i="188"/>
  <c r="L239" i="188"/>
  <c r="K239" i="188"/>
  <c r="L238" i="188"/>
  <c r="K238" i="188"/>
  <c r="L237" i="188"/>
  <c r="K237" i="188"/>
  <c r="L236" i="188"/>
  <c r="K236" i="188"/>
  <c r="L235" i="188"/>
  <c r="K235" i="188"/>
  <c r="L234" i="188"/>
  <c r="K234" i="188"/>
  <c r="L233" i="188"/>
  <c r="K233" i="188"/>
  <c r="L232" i="188"/>
  <c r="K232" i="188"/>
  <c r="L231" i="188"/>
  <c r="K231" i="188"/>
  <c r="L230" i="188"/>
  <c r="K230" i="188"/>
  <c r="L229" i="188"/>
  <c r="K229" i="188"/>
  <c r="L228" i="188"/>
  <c r="K228" i="188"/>
  <c r="L227" i="188"/>
  <c r="K227" i="188"/>
  <c r="L226" i="188"/>
  <c r="K226" i="188"/>
  <c r="L225" i="188"/>
  <c r="K225" i="188"/>
  <c r="L224" i="188"/>
  <c r="K224" i="188"/>
  <c r="L223" i="188"/>
  <c r="K223" i="188"/>
  <c r="L222" i="188"/>
  <c r="K222" i="188"/>
  <c r="L221" i="188"/>
  <c r="K221" i="188"/>
  <c r="L220" i="188"/>
  <c r="K220" i="188"/>
  <c r="L219" i="188"/>
  <c r="K219" i="188"/>
  <c r="L218" i="188"/>
  <c r="K218" i="188"/>
  <c r="L217" i="188"/>
  <c r="K217" i="188"/>
  <c r="L216" i="188"/>
  <c r="K216" i="188"/>
  <c r="L215" i="188"/>
  <c r="K215" i="188"/>
  <c r="L214" i="188"/>
  <c r="K214" i="188"/>
  <c r="L213" i="188"/>
  <c r="K213" i="188"/>
  <c r="L212" i="188"/>
  <c r="K212" i="188"/>
  <c r="L211" i="188"/>
  <c r="K211" i="188"/>
  <c r="L210" i="188"/>
  <c r="K210" i="188"/>
  <c r="L209" i="188"/>
  <c r="K209" i="188"/>
  <c r="L208" i="188"/>
  <c r="K208" i="188"/>
  <c r="L207" i="188"/>
  <c r="K207" i="188"/>
  <c r="L206" i="188"/>
  <c r="K206" i="188"/>
  <c r="L205" i="188"/>
  <c r="K205" i="188"/>
  <c r="L204" i="188"/>
  <c r="K204" i="188"/>
  <c r="L203" i="188"/>
  <c r="K203" i="188"/>
  <c r="L202" i="188"/>
  <c r="K202" i="188"/>
  <c r="L201" i="188"/>
  <c r="K201" i="188"/>
  <c r="L200" i="188"/>
  <c r="K200" i="188"/>
  <c r="L199" i="188"/>
  <c r="K199" i="188"/>
  <c r="L198" i="188"/>
  <c r="K198" i="188"/>
  <c r="L197" i="188"/>
  <c r="K197" i="188"/>
  <c r="L196" i="188"/>
  <c r="K196" i="188"/>
  <c r="L195" i="188"/>
  <c r="K195" i="188"/>
  <c r="L194" i="188"/>
  <c r="K194" i="188"/>
  <c r="L193" i="188"/>
  <c r="K193" i="188"/>
  <c r="L192" i="188"/>
  <c r="K192" i="188"/>
  <c r="L191" i="188"/>
  <c r="K191" i="188"/>
  <c r="L190" i="188"/>
  <c r="K190" i="188"/>
  <c r="L189" i="188"/>
  <c r="K189" i="188"/>
  <c r="L188" i="188"/>
  <c r="K188" i="188"/>
  <c r="L187" i="188"/>
  <c r="K187" i="188"/>
  <c r="L186" i="188"/>
  <c r="K186" i="188"/>
  <c r="L185" i="188"/>
  <c r="K185" i="188"/>
  <c r="L184" i="188"/>
  <c r="K184" i="188"/>
  <c r="L183" i="188"/>
  <c r="K183" i="188"/>
  <c r="L182" i="188"/>
  <c r="K182" i="188"/>
  <c r="L181" i="188"/>
  <c r="K181" i="188"/>
  <c r="L180" i="188"/>
  <c r="K180" i="188"/>
  <c r="L179" i="188"/>
  <c r="K179" i="188"/>
  <c r="L178" i="188"/>
  <c r="K178" i="188"/>
  <c r="L177" i="188"/>
  <c r="K177" i="188"/>
  <c r="L176" i="188"/>
  <c r="K176" i="188"/>
  <c r="L175" i="188"/>
  <c r="K175" i="188"/>
  <c r="L174" i="188"/>
  <c r="K174" i="188"/>
  <c r="L173" i="188"/>
  <c r="K173" i="188"/>
  <c r="L172" i="188"/>
  <c r="K172" i="188"/>
  <c r="L171" i="188"/>
  <c r="K171" i="188"/>
  <c r="L170" i="188"/>
  <c r="K170" i="188"/>
  <c r="L169" i="188"/>
  <c r="K169" i="188"/>
  <c r="L168" i="188"/>
  <c r="K168" i="188"/>
  <c r="L167" i="188"/>
  <c r="K167" i="188"/>
  <c r="L166" i="188"/>
  <c r="K166" i="188"/>
  <c r="L165" i="188"/>
  <c r="K165" i="188"/>
  <c r="L164" i="188"/>
  <c r="K164" i="188"/>
  <c r="L163" i="188"/>
  <c r="K163" i="188"/>
  <c r="L162" i="188"/>
  <c r="K162" i="188"/>
  <c r="L161" i="188"/>
  <c r="K161" i="188"/>
  <c r="L160" i="188"/>
  <c r="K160" i="188"/>
  <c r="L159" i="188"/>
  <c r="K159" i="188"/>
  <c r="L158" i="188"/>
  <c r="K158" i="188"/>
  <c r="L157" i="188"/>
  <c r="K157" i="188"/>
  <c r="L156" i="188"/>
  <c r="K156" i="188"/>
  <c r="L155" i="188"/>
  <c r="K155" i="188"/>
  <c r="L154" i="188"/>
  <c r="K154" i="188"/>
  <c r="L153" i="188"/>
  <c r="K153" i="188"/>
  <c r="L152" i="188"/>
  <c r="K152" i="188"/>
  <c r="L151" i="188"/>
  <c r="K151" i="188"/>
  <c r="L150" i="188"/>
  <c r="K150" i="188"/>
  <c r="L149" i="188"/>
  <c r="K149" i="188"/>
  <c r="L148" i="188"/>
  <c r="K148" i="188"/>
  <c r="L147" i="188"/>
  <c r="K147" i="188"/>
  <c r="L146" i="188"/>
  <c r="K146" i="188"/>
  <c r="L145" i="188"/>
  <c r="K145" i="188"/>
  <c r="L144" i="188"/>
  <c r="K144" i="188"/>
  <c r="L143" i="188"/>
  <c r="K143" i="188"/>
  <c r="L142" i="188"/>
  <c r="K142" i="188"/>
  <c r="L141" i="188"/>
  <c r="K141" i="188"/>
  <c r="L140" i="188"/>
  <c r="K140" i="188"/>
  <c r="L139" i="188"/>
  <c r="K139" i="188"/>
  <c r="L138" i="188"/>
  <c r="K138" i="188"/>
  <c r="L137" i="188"/>
  <c r="K137" i="188"/>
  <c r="L136" i="188"/>
  <c r="K136" i="188"/>
  <c r="L135" i="188"/>
  <c r="K135" i="188"/>
  <c r="L134" i="188"/>
  <c r="K134" i="188"/>
  <c r="L133" i="188"/>
  <c r="K133" i="188"/>
  <c r="L132" i="188"/>
  <c r="K132" i="188"/>
  <c r="L131" i="188"/>
  <c r="K131" i="188"/>
  <c r="L130" i="188"/>
  <c r="K130" i="188"/>
  <c r="L129" i="188"/>
  <c r="K129" i="188"/>
  <c r="L128" i="188"/>
  <c r="K128" i="188"/>
  <c r="L127" i="188"/>
  <c r="K127" i="188"/>
  <c r="L126" i="188"/>
  <c r="K126" i="188"/>
  <c r="L125" i="188"/>
  <c r="K125" i="188"/>
  <c r="L124" i="188"/>
  <c r="K124" i="188"/>
  <c r="L123" i="188"/>
  <c r="K123" i="188"/>
  <c r="L122" i="188"/>
  <c r="K122" i="188"/>
  <c r="L121" i="188"/>
  <c r="K121" i="188"/>
  <c r="L120" i="188"/>
  <c r="K120" i="188"/>
  <c r="L119" i="188"/>
  <c r="K119" i="188"/>
  <c r="L118" i="188"/>
  <c r="K118" i="188"/>
  <c r="L117" i="188"/>
  <c r="K117" i="188"/>
  <c r="L116" i="188"/>
  <c r="K116" i="188"/>
  <c r="L115" i="188"/>
  <c r="K115" i="188"/>
  <c r="L114" i="188"/>
  <c r="K114" i="188"/>
  <c r="L113" i="188"/>
  <c r="K113" i="188"/>
  <c r="L112" i="188"/>
  <c r="K112" i="188"/>
  <c r="L111" i="188"/>
  <c r="K111" i="188"/>
  <c r="L110" i="188"/>
  <c r="K110" i="188"/>
  <c r="L109" i="188"/>
  <c r="K109" i="188"/>
  <c r="L108" i="188"/>
  <c r="K108" i="188"/>
  <c r="L107" i="188"/>
  <c r="K107" i="188"/>
  <c r="L106" i="188"/>
  <c r="K106" i="188"/>
  <c r="L105" i="188"/>
  <c r="K105" i="188"/>
  <c r="L104" i="188"/>
  <c r="K104" i="188"/>
  <c r="L103" i="188"/>
  <c r="K103" i="188"/>
  <c r="L102" i="188"/>
  <c r="K102" i="188"/>
  <c r="L101" i="188"/>
  <c r="K101" i="188"/>
  <c r="L100" i="188"/>
  <c r="K100" i="188"/>
  <c r="L99" i="188"/>
  <c r="K99" i="188"/>
  <c r="L98" i="188"/>
  <c r="K98" i="188"/>
  <c r="L97" i="188"/>
  <c r="K97" i="188"/>
  <c r="L96" i="188"/>
  <c r="K96" i="188"/>
  <c r="L95" i="188"/>
  <c r="K95" i="188"/>
  <c r="L94" i="188"/>
  <c r="K94" i="188"/>
  <c r="L93" i="188"/>
  <c r="K93" i="188"/>
  <c r="L92" i="188"/>
  <c r="K92" i="188"/>
  <c r="L91" i="188"/>
  <c r="K91" i="188"/>
  <c r="L90" i="188"/>
  <c r="K90" i="188"/>
  <c r="L89" i="188"/>
  <c r="K89" i="188"/>
  <c r="L88" i="188"/>
  <c r="K88" i="188"/>
  <c r="L87" i="188"/>
  <c r="K87" i="188"/>
  <c r="L86" i="188"/>
  <c r="K86" i="188"/>
  <c r="L85" i="188"/>
  <c r="K85" i="188"/>
  <c r="L84" i="188"/>
  <c r="K84" i="188"/>
  <c r="L83" i="188"/>
  <c r="K83" i="188"/>
  <c r="L82" i="188"/>
  <c r="K82" i="188"/>
  <c r="L81" i="188"/>
  <c r="K81" i="188"/>
  <c r="L80" i="188"/>
  <c r="K80" i="188"/>
  <c r="L79" i="188"/>
  <c r="K79" i="188"/>
  <c r="L78" i="188"/>
  <c r="K78" i="188"/>
  <c r="L77" i="188"/>
  <c r="K77" i="188"/>
  <c r="L76" i="188"/>
  <c r="K76" i="188"/>
  <c r="L75" i="188"/>
  <c r="K75" i="188"/>
  <c r="L74" i="188"/>
  <c r="K74" i="188"/>
  <c r="L73" i="188"/>
  <c r="K73" i="188"/>
  <c r="L72" i="188"/>
  <c r="K72" i="188"/>
  <c r="L71" i="188"/>
  <c r="K71" i="188"/>
  <c r="L70" i="188"/>
  <c r="K70" i="188"/>
  <c r="L69" i="188"/>
  <c r="K69" i="188"/>
  <c r="L68" i="188"/>
  <c r="K68" i="188"/>
  <c r="L67" i="188"/>
  <c r="K67" i="188"/>
  <c r="L66" i="188"/>
  <c r="K66" i="188"/>
  <c r="L65" i="188"/>
  <c r="K65" i="188"/>
  <c r="L64" i="188"/>
  <c r="K64" i="188"/>
  <c r="L63" i="188"/>
  <c r="K63" i="188"/>
  <c r="L62" i="188"/>
  <c r="K62" i="188"/>
  <c r="L61" i="188"/>
  <c r="K61" i="188"/>
  <c r="L60" i="188"/>
  <c r="K60" i="188"/>
  <c r="L59" i="188"/>
  <c r="K59" i="188"/>
  <c r="L58" i="188"/>
  <c r="K58" i="188"/>
  <c r="L57" i="188"/>
  <c r="K57" i="188"/>
  <c r="L56" i="188"/>
  <c r="K56" i="188"/>
  <c r="L55" i="188"/>
  <c r="K55" i="188"/>
  <c r="L54" i="188"/>
  <c r="K54" i="188"/>
  <c r="L53" i="188"/>
  <c r="K53" i="188"/>
  <c r="L52" i="188"/>
  <c r="K52" i="188"/>
  <c r="L51" i="188"/>
  <c r="K51" i="188"/>
  <c r="L50" i="188"/>
  <c r="K50" i="188"/>
  <c r="L49" i="188"/>
  <c r="K49" i="188"/>
  <c r="L48" i="188"/>
  <c r="K48" i="188"/>
  <c r="L47" i="188"/>
  <c r="K47" i="188"/>
  <c r="L46" i="188"/>
  <c r="K46" i="188"/>
  <c r="L45" i="188"/>
  <c r="K45" i="188"/>
  <c r="L44" i="188"/>
  <c r="K44" i="188"/>
  <c r="L43" i="188"/>
  <c r="K43" i="188"/>
  <c r="L42" i="188"/>
  <c r="K42" i="188"/>
  <c r="L41" i="188"/>
  <c r="K41" i="188"/>
  <c r="L40" i="188"/>
  <c r="K40" i="188"/>
  <c r="L39" i="188"/>
  <c r="K39" i="188"/>
  <c r="L38" i="188"/>
  <c r="K38" i="188"/>
  <c r="L37" i="188"/>
  <c r="K37" i="188"/>
  <c r="L36" i="188"/>
  <c r="K36" i="188"/>
  <c r="L35" i="188"/>
  <c r="K35" i="188"/>
  <c r="L34" i="188"/>
  <c r="K34" i="188"/>
  <c r="L33" i="188"/>
  <c r="K33" i="188"/>
  <c r="L32" i="188"/>
  <c r="K32" i="188"/>
  <c r="L31" i="188"/>
  <c r="K31" i="188"/>
  <c r="L30" i="188"/>
  <c r="K30" i="188"/>
  <c r="L29" i="188"/>
  <c r="K29" i="188"/>
  <c r="L28" i="188"/>
  <c r="K28" i="188"/>
  <c r="L27" i="188"/>
  <c r="K27" i="188"/>
  <c r="L26" i="188"/>
  <c r="K26" i="188"/>
  <c r="L25" i="188"/>
  <c r="K25" i="188"/>
  <c r="L24" i="188"/>
  <c r="K24" i="188"/>
  <c r="L23" i="188"/>
  <c r="K23" i="188"/>
  <c r="L22" i="188"/>
  <c r="K22" i="188"/>
  <c r="L21" i="188"/>
  <c r="K21" i="188"/>
  <c r="L20" i="188"/>
  <c r="K20" i="188"/>
  <c r="L19" i="188"/>
  <c r="K19" i="188"/>
  <c r="L18" i="188"/>
  <c r="K18" i="188"/>
  <c r="L17" i="188"/>
  <c r="K17" i="188"/>
  <c r="L16" i="188"/>
  <c r="K16" i="188"/>
  <c r="L15" i="188"/>
  <c r="K15" i="188"/>
  <c r="L14" i="188"/>
  <c r="K14" i="188"/>
  <c r="L13" i="188"/>
  <c r="K13" i="188"/>
  <c r="L12" i="188"/>
  <c r="K12" i="188"/>
  <c r="L11" i="188"/>
  <c r="K11" i="188"/>
  <c r="L10" i="188"/>
  <c r="K10" i="188"/>
  <c r="L9" i="188"/>
  <c r="K9" i="188"/>
  <c r="L8" i="188"/>
  <c r="K8" i="188"/>
  <c r="L7" i="188"/>
  <c r="K7" i="188"/>
  <c r="L6" i="188"/>
  <c r="K6" i="188"/>
  <c r="L5" i="188"/>
  <c r="K5" i="188"/>
  <c r="L4" i="188"/>
  <c r="K4" i="188"/>
  <c r="AA77" i="192"/>
  <c r="AA76" i="192"/>
  <c r="AA75" i="192"/>
  <c r="AA74" i="192"/>
  <c r="AA73" i="192"/>
  <c r="I77" i="192"/>
  <c r="I76" i="192"/>
  <c r="I75" i="192"/>
  <c r="I74" i="192"/>
  <c r="I73" i="192"/>
  <c r="S43" i="192"/>
  <c r="S42" i="192"/>
  <c r="S41" i="192"/>
  <c r="S40" i="192"/>
  <c r="S39" i="192"/>
  <c r="S38" i="192"/>
  <c r="S37" i="192"/>
  <c r="S36" i="192"/>
  <c r="S35" i="192"/>
  <c r="S34" i="192"/>
  <c r="S33" i="192"/>
  <c r="S32" i="192"/>
  <c r="S31" i="192"/>
  <c r="S30" i="192"/>
  <c r="S29" i="192"/>
  <c r="S28" i="192"/>
  <c r="S27" i="192"/>
  <c r="S26" i="192"/>
  <c r="S25" i="192"/>
  <c r="S24" i="192"/>
  <c r="S23" i="192"/>
  <c r="S22" i="192"/>
  <c r="S21" i="192"/>
  <c r="S20" i="192"/>
  <c r="S19" i="192"/>
  <c r="S18" i="192"/>
  <c r="S17" i="192"/>
  <c r="S16" i="192"/>
  <c r="S15" i="192"/>
  <c r="S14" i="192"/>
  <c r="S13" i="192"/>
  <c r="S12" i="192"/>
  <c r="S11" i="192"/>
  <c r="S10" i="192"/>
  <c r="S9" i="192"/>
  <c r="K43" i="192"/>
  <c r="K42" i="192"/>
  <c r="K41" i="192"/>
  <c r="K40" i="192"/>
  <c r="K39" i="192"/>
  <c r="K38" i="192"/>
  <c r="K37" i="192"/>
  <c r="K36" i="192"/>
  <c r="K35" i="192"/>
  <c r="K34" i="192"/>
  <c r="K33" i="192"/>
  <c r="K32" i="192"/>
  <c r="K31" i="192"/>
  <c r="K30" i="192"/>
  <c r="K29" i="192"/>
  <c r="K28" i="192"/>
  <c r="K27" i="192"/>
  <c r="K26" i="192"/>
  <c r="K25" i="192"/>
  <c r="K24" i="192"/>
  <c r="K23" i="192"/>
  <c r="K22" i="192"/>
  <c r="K21" i="192"/>
  <c r="K20" i="192"/>
  <c r="K19" i="192"/>
  <c r="K18" i="192"/>
  <c r="K17" i="192"/>
  <c r="K16" i="192"/>
  <c r="K15" i="192"/>
  <c r="K14" i="192"/>
  <c r="K13" i="192"/>
  <c r="K12" i="192"/>
  <c r="K11" i="192"/>
  <c r="K10" i="192"/>
  <c r="K9" i="192"/>
  <c r="L22" i="191"/>
  <c r="BK7" i="191"/>
  <c r="V22" i="120"/>
  <c r="V27" i="120"/>
  <c r="V24" i="120"/>
  <c r="V23" i="120"/>
  <c r="V21" i="120"/>
  <c r="V20" i="120"/>
  <c r="AS77" i="192" l="1"/>
  <c r="AS76" i="192"/>
  <c r="AS75" i="192"/>
  <c r="AS74" i="192"/>
  <c r="AS73" i="192"/>
  <c r="I82" i="192" s="1"/>
  <c r="W82" i="192" s="1"/>
  <c r="W63" i="192"/>
  <c r="AI63" i="192" s="1"/>
  <c r="AX58" i="192"/>
  <c r="AU58" i="192"/>
  <c r="AK58" i="192"/>
  <c r="S58" i="192"/>
  <c r="K58" i="192"/>
  <c r="AU57" i="192"/>
  <c r="AX57" i="192" s="1"/>
  <c r="AK57" i="192"/>
  <c r="S57" i="192"/>
  <c r="K57" i="192"/>
  <c r="AU56" i="192"/>
  <c r="AX56" i="192" s="1"/>
  <c r="AK56" i="192"/>
  <c r="S56" i="192"/>
  <c r="K56" i="192"/>
  <c r="AU55" i="192"/>
  <c r="AX55" i="192" s="1"/>
  <c r="AK55" i="192"/>
  <c r="S55" i="192"/>
  <c r="K55" i="192"/>
  <c r="AX54" i="192"/>
  <c r="AU54" i="192"/>
  <c r="AK54" i="192"/>
  <c r="S54" i="192"/>
  <c r="K54" i="192"/>
  <c r="AU53" i="192"/>
  <c r="AX53" i="192" s="1"/>
  <c r="AK53" i="192"/>
  <c r="S53" i="192"/>
  <c r="K53" i="192"/>
  <c r="AU52" i="192"/>
  <c r="AX52" i="192" s="1"/>
  <c r="AK52" i="192"/>
  <c r="S52" i="192"/>
  <c r="K52" i="192"/>
  <c r="AU51" i="192"/>
  <c r="AX51" i="192" s="1"/>
  <c r="AK51" i="192"/>
  <c r="S51" i="192"/>
  <c r="K51" i="192"/>
  <c r="AX50" i="192"/>
  <c r="AU50" i="192"/>
  <c r="AK50" i="192"/>
  <c r="S50" i="192"/>
  <c r="K50" i="192"/>
  <c r="AU49" i="192"/>
  <c r="AX49" i="192" s="1"/>
  <c r="AK49" i="192"/>
  <c r="S49" i="192"/>
  <c r="K49" i="192"/>
  <c r="AU48" i="192"/>
  <c r="AX48" i="192" s="1"/>
  <c r="AK48" i="192"/>
  <c r="S48" i="192"/>
  <c r="K48" i="192"/>
  <c r="AU47" i="192"/>
  <c r="AX47" i="192" s="1"/>
  <c r="AK47" i="192"/>
  <c r="S47" i="192"/>
  <c r="K47" i="192"/>
  <c r="AX46" i="192"/>
  <c r="AU46" i="192"/>
  <c r="AK46" i="192"/>
  <c r="S46" i="192"/>
  <c r="K46" i="192"/>
  <c r="AU45" i="192"/>
  <c r="AX45" i="192" s="1"/>
  <c r="AK45" i="192"/>
  <c r="S45" i="192"/>
  <c r="K45" i="192"/>
  <c r="AU44" i="192"/>
  <c r="AX44" i="192" s="1"/>
  <c r="AK44" i="192"/>
  <c r="S44" i="192"/>
  <c r="K44" i="192"/>
  <c r="AU43" i="192"/>
  <c r="AX43" i="192" s="1"/>
  <c r="AK43" i="192"/>
  <c r="AX42" i="192"/>
  <c r="AU42" i="192"/>
  <c r="AK42" i="192"/>
  <c r="AU41" i="192"/>
  <c r="AX41" i="192" s="1"/>
  <c r="AK41" i="192"/>
  <c r="AU40" i="192"/>
  <c r="AX40" i="192" s="1"/>
  <c r="AK40" i="192"/>
  <c r="AU39" i="192"/>
  <c r="AX39" i="192" s="1"/>
  <c r="AK39" i="192"/>
  <c r="AX38" i="192"/>
  <c r="AU38" i="192"/>
  <c r="AK38" i="192"/>
  <c r="AU37" i="192"/>
  <c r="AX37" i="192" s="1"/>
  <c r="AK37" i="192"/>
  <c r="AU36" i="192"/>
  <c r="AX36" i="192" s="1"/>
  <c r="AK36" i="192"/>
  <c r="AU35" i="192"/>
  <c r="AX35" i="192" s="1"/>
  <c r="AK35" i="192"/>
  <c r="AX34" i="192"/>
  <c r="AU34" i="192"/>
  <c r="AK34" i="192"/>
  <c r="AU33" i="192"/>
  <c r="AX33" i="192" s="1"/>
  <c r="AK33" i="192"/>
  <c r="AU32" i="192"/>
  <c r="AX32" i="192" s="1"/>
  <c r="AK32" i="192"/>
  <c r="AU31" i="192"/>
  <c r="AX31" i="192" s="1"/>
  <c r="AK31" i="192"/>
  <c r="AX30" i="192"/>
  <c r="AU30" i="192"/>
  <c r="AK30" i="192"/>
  <c r="AU29" i="192"/>
  <c r="AX29" i="192" s="1"/>
  <c r="AK29" i="192"/>
  <c r="AU28" i="192"/>
  <c r="AX28" i="192" s="1"/>
  <c r="AK28" i="192"/>
  <c r="AU27" i="192"/>
  <c r="AX27" i="192" s="1"/>
  <c r="AK27" i="192"/>
  <c r="AX26" i="192"/>
  <c r="AU26" i="192"/>
  <c r="AK26" i="192"/>
  <c r="AU25" i="192"/>
  <c r="AX25" i="192" s="1"/>
  <c r="AK25" i="192"/>
  <c r="AU24" i="192"/>
  <c r="AX24" i="192" s="1"/>
  <c r="AK24" i="192"/>
  <c r="AU23" i="192"/>
  <c r="AX23" i="192" s="1"/>
  <c r="AK23" i="192"/>
  <c r="AX22" i="192"/>
  <c r="AU22" i="192"/>
  <c r="AK22" i="192"/>
  <c r="AU21" i="192"/>
  <c r="AX21" i="192" s="1"/>
  <c r="AK21" i="192"/>
  <c r="AU20" i="192"/>
  <c r="AX20" i="192" s="1"/>
  <c r="AK20" i="192"/>
  <c r="AU19" i="192"/>
  <c r="AX19" i="192" s="1"/>
  <c r="AK19" i="192"/>
  <c r="AX18" i="192"/>
  <c r="AU18" i="192"/>
  <c r="AK18" i="192"/>
  <c r="AU17" i="192"/>
  <c r="AX17" i="192" s="1"/>
  <c r="AK17" i="192"/>
  <c r="AU16" i="192"/>
  <c r="AX16" i="192" s="1"/>
  <c r="AK16" i="192"/>
  <c r="W62" i="192" s="1"/>
  <c r="AI62" i="192" s="1"/>
  <c r="AU15" i="192"/>
  <c r="AX15" i="192" s="1"/>
  <c r="AK15" i="192"/>
  <c r="AX14" i="192"/>
  <c r="AU14" i="192"/>
  <c r="AK14" i="192"/>
  <c r="AU13" i="192"/>
  <c r="AX13" i="192" s="1"/>
  <c r="AK13" i="192"/>
  <c r="AU12" i="192"/>
  <c r="AX12" i="192" s="1"/>
  <c r="AK12" i="192"/>
  <c r="AU11" i="192"/>
  <c r="AX11" i="192" s="1"/>
  <c r="AK11" i="192"/>
  <c r="AX10" i="192"/>
  <c r="AU10" i="192"/>
  <c r="AK10" i="192"/>
  <c r="AU9" i="192"/>
  <c r="AX9" i="192" s="1"/>
  <c r="AK9" i="192"/>
  <c r="W64" i="192" s="1"/>
  <c r="AI64" i="192" s="1"/>
  <c r="W65" i="192" l="1"/>
  <c r="AI65" i="192" s="1"/>
  <c r="AS62" i="192" s="1"/>
  <c r="AS66" i="192" s="1"/>
  <c r="I81" i="192"/>
  <c r="W81" i="192" s="1"/>
  <c r="AL81" i="192" s="1"/>
  <c r="AL83" i="192" s="1"/>
  <c r="BK7" i="190"/>
  <c r="J60" i="191" l="1"/>
  <c r="J61" i="191" s="1" a="1"/>
  <c r="J61" i="191" s="1"/>
  <c r="Z48" i="190"/>
  <c r="AN49" i="92" l="1"/>
  <c r="AN38" i="92"/>
  <c r="AN27" i="92"/>
  <c r="AN16" i="92"/>
  <c r="W25" i="191"/>
  <c r="BK47" i="190"/>
  <c r="AF47" i="190"/>
  <c r="A51" i="190" l="1"/>
  <c r="BE21" i="191" l="1"/>
  <c r="AC21" i="191"/>
  <c r="L21" i="191"/>
  <c r="U20" i="191"/>
  <c r="O20" i="191"/>
  <c r="AH19" i="191"/>
  <c r="L19" i="191"/>
  <c r="AH18" i="191"/>
  <c r="L18" i="191"/>
  <c r="L17" i="191"/>
  <c r="L16" i="191"/>
  <c r="A44" i="94" l="1"/>
  <c r="AN9" i="100"/>
  <c r="AA40" i="94" l="1"/>
  <c r="AA39" i="94"/>
  <c r="AA38" i="94"/>
  <c r="AA37" i="94"/>
  <c r="AA36" i="94"/>
  <c r="AA35" i="94"/>
  <c r="AA34" i="94"/>
  <c r="AA33" i="94"/>
  <c r="AA32" i="94"/>
  <c r="AA31" i="94"/>
  <c r="AA30" i="94"/>
  <c r="AA29" i="94"/>
  <c r="AA28" i="94"/>
  <c r="AA27" i="94"/>
  <c r="AA26" i="94"/>
  <c r="I40" i="94"/>
  <c r="I39" i="94"/>
  <c r="I38" i="94"/>
  <c r="I37" i="94"/>
  <c r="I36" i="94"/>
  <c r="I35" i="94"/>
  <c r="I34" i="94"/>
  <c r="I33" i="94"/>
  <c r="I32" i="94"/>
  <c r="I31" i="94"/>
  <c r="I30" i="94"/>
  <c r="I29" i="94"/>
  <c r="I28" i="94"/>
  <c r="I27" i="94"/>
  <c r="I26" i="94"/>
  <c r="AN48" i="100" l="1"/>
  <c r="AN47" i="100"/>
  <c r="AN46" i="100"/>
  <c r="AN45" i="100"/>
  <c r="AN44" i="100"/>
  <c r="AN43" i="100"/>
  <c r="AN42" i="100"/>
  <c r="AN41" i="100"/>
  <c r="AN40" i="100"/>
  <c r="AN39" i="100"/>
  <c r="AN38" i="100"/>
  <c r="AN37" i="100"/>
  <c r="AN36" i="100"/>
  <c r="AN35" i="100"/>
  <c r="AN34" i="100"/>
  <c r="AN33" i="100"/>
  <c r="AN32" i="100"/>
  <c r="AN31" i="100"/>
  <c r="AN30" i="100"/>
  <c r="AN29" i="100"/>
  <c r="AN28" i="100"/>
  <c r="AN27" i="100"/>
  <c r="AN26" i="100"/>
  <c r="AN25" i="100"/>
  <c r="AN24" i="100"/>
  <c r="AN23" i="100"/>
  <c r="AN22" i="100"/>
  <c r="AN21" i="100"/>
  <c r="AN20" i="100"/>
  <c r="AN19" i="100"/>
  <c r="AN18" i="100"/>
  <c r="AN17" i="100"/>
  <c r="AN16" i="100"/>
  <c r="AN15" i="100"/>
  <c r="AN14" i="100"/>
  <c r="AN13" i="100"/>
  <c r="AN12" i="100"/>
  <c r="AN11" i="100"/>
  <c r="AN10" i="100"/>
  <c r="O48" i="100"/>
  <c r="O47" i="100"/>
  <c r="O46" i="100"/>
  <c r="O45" i="100"/>
  <c r="O44" i="100"/>
  <c r="O43" i="100"/>
  <c r="O42" i="100"/>
  <c r="O41" i="100"/>
  <c r="O40" i="100"/>
  <c r="O39" i="100"/>
  <c r="O38" i="100"/>
  <c r="O37" i="100"/>
  <c r="O36" i="100"/>
  <c r="O35" i="100"/>
  <c r="O34" i="100"/>
  <c r="O33" i="100"/>
  <c r="O32" i="100"/>
  <c r="O31" i="100"/>
  <c r="O30" i="100"/>
  <c r="O29" i="100"/>
  <c r="O28" i="100"/>
  <c r="O27" i="100"/>
  <c r="O26" i="100"/>
  <c r="O25" i="100"/>
  <c r="O24" i="100"/>
  <c r="O23" i="100"/>
  <c r="O22" i="100"/>
  <c r="O21" i="100"/>
  <c r="O20" i="100"/>
  <c r="O19" i="100"/>
  <c r="O18" i="100"/>
  <c r="O17" i="100"/>
  <c r="O16" i="100"/>
  <c r="O15" i="100"/>
  <c r="O14" i="100"/>
  <c r="O13" i="100"/>
  <c r="O12" i="100"/>
  <c r="O11" i="100"/>
  <c r="O10" i="100"/>
  <c r="Z48" i="100"/>
  <c r="Z47" i="100"/>
  <c r="Z46" i="100"/>
  <c r="Z45" i="100"/>
  <c r="Z44" i="100"/>
  <c r="Z43" i="100"/>
  <c r="Z42" i="100"/>
  <c r="Z41" i="100"/>
  <c r="Z40" i="100"/>
  <c r="Z39" i="100"/>
  <c r="Z38" i="100"/>
  <c r="Z37" i="100"/>
  <c r="Z36" i="100"/>
  <c r="Z35" i="100"/>
  <c r="Z34" i="100"/>
  <c r="Z33" i="100"/>
  <c r="Z32" i="100"/>
  <c r="Z31" i="100"/>
  <c r="Z30" i="100"/>
  <c r="Z29" i="100"/>
  <c r="Z28" i="100"/>
  <c r="Z27" i="100"/>
  <c r="Z26" i="100"/>
  <c r="Z25" i="100"/>
  <c r="Z24" i="100"/>
  <c r="Z23" i="100"/>
  <c r="Z22" i="100"/>
  <c r="Z21" i="100"/>
  <c r="Z20" i="100"/>
  <c r="Z19" i="100"/>
  <c r="Z18" i="100"/>
  <c r="Z17" i="100"/>
  <c r="Z16" i="100"/>
  <c r="Z15" i="100"/>
  <c r="Z14" i="100"/>
  <c r="Z13" i="100"/>
  <c r="Z12" i="100"/>
  <c r="Z11" i="100"/>
  <c r="Z10" i="100"/>
  <c r="Z9" i="100"/>
  <c r="O9" i="100"/>
  <c r="V53" i="92"/>
  <c r="V52" i="92"/>
  <c r="V51" i="92"/>
  <c r="V50" i="92"/>
  <c r="V49" i="92"/>
  <c r="V42" i="92"/>
  <c r="V41" i="92"/>
  <c r="V40" i="92"/>
  <c r="V39" i="92"/>
  <c r="V38" i="92"/>
  <c r="V31" i="92"/>
  <c r="V30" i="92"/>
  <c r="V29" i="92"/>
  <c r="V28" i="92"/>
  <c r="V27" i="92"/>
  <c r="V20" i="92"/>
  <c r="V19" i="92"/>
  <c r="V18" i="92"/>
  <c r="V17" i="92"/>
  <c r="V16" i="92"/>
  <c r="N53" i="92"/>
  <c r="N52" i="92"/>
  <c r="N51" i="92"/>
  <c r="N50" i="92"/>
  <c r="N49" i="92"/>
  <c r="N42" i="92"/>
  <c r="N41" i="92"/>
  <c r="N40" i="92"/>
  <c r="N39" i="92"/>
  <c r="N38" i="92"/>
  <c r="N31" i="92"/>
  <c r="N30" i="92"/>
  <c r="N29" i="92"/>
  <c r="N28" i="92"/>
  <c r="N27" i="92"/>
  <c r="N20" i="92"/>
  <c r="N19" i="92"/>
  <c r="N18" i="92"/>
  <c r="N17" i="92"/>
  <c r="N16" i="92"/>
  <c r="AB53" i="91"/>
  <c r="AB52" i="91"/>
  <c r="AB51" i="91"/>
  <c r="AB50" i="91"/>
  <c r="AB49" i="91"/>
  <c r="AB48" i="91"/>
  <c r="AB47" i="91"/>
  <c r="AB46" i="91"/>
  <c r="AB45" i="91"/>
  <c r="AB44" i="91"/>
  <c r="AB43" i="91"/>
  <c r="AB42" i="91"/>
  <c r="AB41" i="91"/>
  <c r="AB40" i="91"/>
  <c r="AB39" i="91"/>
  <c r="AB38" i="91"/>
  <c r="AB37" i="91"/>
  <c r="AB36" i="91"/>
  <c r="AB35" i="91"/>
  <c r="AB34" i="91"/>
  <c r="AB33" i="91"/>
  <c r="AB32" i="91"/>
  <c r="AB31" i="91"/>
  <c r="AB30" i="91"/>
  <c r="AB29" i="91"/>
  <c r="AB28" i="91"/>
  <c r="AB27" i="91"/>
  <c r="AB26" i="91"/>
  <c r="AB25" i="91"/>
  <c r="AB24" i="91"/>
  <c r="AB23" i="91"/>
  <c r="AB22" i="91"/>
  <c r="AB21" i="91"/>
  <c r="AB20" i="91"/>
  <c r="AB19" i="91"/>
  <c r="AB18" i="91"/>
  <c r="AB17" i="91"/>
  <c r="AB16" i="91"/>
  <c r="AB15" i="91"/>
  <c r="AB14" i="91"/>
  <c r="AB13" i="91"/>
  <c r="AB12" i="91"/>
  <c r="AB11" i="91"/>
  <c r="AB10" i="91"/>
  <c r="AB9" i="91"/>
  <c r="N53" i="91"/>
  <c r="N52" i="91"/>
  <c r="N51" i="91"/>
  <c r="N50" i="91"/>
  <c r="N49" i="91"/>
  <c r="N48" i="91"/>
  <c r="N47" i="91"/>
  <c r="N46" i="91"/>
  <c r="N45" i="91"/>
  <c r="N44" i="91"/>
  <c r="N43" i="91"/>
  <c r="N42" i="91"/>
  <c r="N41" i="91"/>
  <c r="N40" i="91"/>
  <c r="N39" i="91"/>
  <c r="N38" i="91"/>
  <c r="N37" i="91"/>
  <c r="N36" i="91"/>
  <c r="N35" i="91"/>
  <c r="N34" i="91"/>
  <c r="N33" i="91"/>
  <c r="N32" i="91"/>
  <c r="N31" i="91"/>
  <c r="N30" i="91"/>
  <c r="N29" i="91"/>
  <c r="N28" i="91"/>
  <c r="N27" i="91"/>
  <c r="N26" i="91"/>
  <c r="N25" i="91"/>
  <c r="N24" i="91"/>
  <c r="N23" i="91"/>
  <c r="N22" i="91"/>
  <c r="N21" i="91"/>
  <c r="N20" i="91"/>
  <c r="N19" i="91"/>
  <c r="N18" i="91"/>
  <c r="N17" i="91"/>
  <c r="N16" i="91"/>
  <c r="N15" i="91"/>
  <c r="N14" i="91"/>
  <c r="N13" i="91"/>
  <c r="N12" i="91"/>
  <c r="N11" i="91"/>
  <c r="N10" i="91"/>
  <c r="N9" i="91"/>
  <c r="N54" i="91" l="1"/>
  <c r="AS44" i="91" l="1"/>
  <c r="AS43" i="91"/>
  <c r="AS42" i="91"/>
  <c r="AS41" i="91"/>
  <c r="AS40" i="91"/>
  <c r="AS30" i="91"/>
  <c r="AS29" i="91"/>
  <c r="AS28" i="91"/>
  <c r="AS27" i="91"/>
  <c r="AS26" i="91"/>
  <c r="AS14" i="91"/>
  <c r="AS13" i="91"/>
  <c r="AS12" i="91"/>
  <c r="AS11" i="91"/>
  <c r="AS10" i="91"/>
  <c r="AS36" i="100" l="1"/>
  <c r="AS35" i="100"/>
  <c r="AV35" i="100" s="1"/>
  <c r="AS34" i="100"/>
  <c r="AS33" i="100"/>
  <c r="AV33" i="100" s="1"/>
  <c r="AS32" i="100"/>
  <c r="AS31" i="100"/>
  <c r="AV31" i="100" s="1"/>
  <c r="AS18" i="100"/>
  <c r="AS17" i="100"/>
  <c r="AV17" i="100" s="1"/>
  <c r="AS16" i="100"/>
  <c r="AS15" i="100"/>
  <c r="AV15" i="100" s="1"/>
  <c r="AS14" i="100"/>
  <c r="AS13" i="100"/>
  <c r="AV13" i="100" s="1"/>
  <c r="AS40" i="100"/>
  <c r="AS39" i="100"/>
  <c r="AV39" i="100" s="1"/>
  <c r="AS38" i="100"/>
  <c r="AS37" i="100"/>
  <c r="AV37" i="100" s="1"/>
  <c r="AS22" i="100"/>
  <c r="AS21" i="100"/>
  <c r="AV21" i="100" s="1"/>
  <c r="AS20" i="100"/>
  <c r="AS19" i="100"/>
  <c r="AV19" i="100" s="1"/>
  <c r="AS47" i="91" l="1"/>
  <c r="AS46" i="91"/>
  <c r="AS45" i="91"/>
  <c r="AS49" i="91"/>
  <c r="AS48" i="91"/>
  <c r="AS32" i="91"/>
  <c r="AS31" i="91"/>
  <c r="AS25" i="91"/>
  <c r="AS34" i="91"/>
  <c r="AS33" i="91"/>
  <c r="AS17" i="91"/>
  <c r="AS16" i="91"/>
  <c r="AS15" i="91"/>
  <c r="AS19" i="91"/>
  <c r="AS18" i="91"/>
  <c r="W44" i="94" l="1"/>
  <c r="AS50" i="91" l="1"/>
  <c r="AS38" i="91"/>
  <c r="AS9" i="91" l="1"/>
  <c r="AS20" i="91"/>
  <c r="I57" i="91" l="1"/>
  <c r="I58" i="91"/>
  <c r="AS53" i="91"/>
  <c r="AS52" i="91"/>
  <c r="AS51" i="91"/>
  <c r="AS39" i="91"/>
  <c r="AS37" i="91"/>
  <c r="AS36" i="91"/>
  <c r="AS35" i="91"/>
  <c r="AS24" i="91"/>
  <c r="AS23" i="91"/>
  <c r="AS22" i="91"/>
  <c r="AS21" i="91"/>
  <c r="I62" i="91" l="1"/>
  <c r="AB62" i="91" s="1"/>
  <c r="I61" i="91"/>
  <c r="I60" i="91"/>
  <c r="AB60" i="91" s="1"/>
  <c r="I59" i="91"/>
  <c r="AB59" i="91" s="1"/>
  <c r="AB58" i="91"/>
  <c r="AS10" i="100"/>
  <c r="AS9" i="100"/>
  <c r="AS48" i="100"/>
  <c r="AS47" i="100"/>
  <c r="AV47" i="100" s="1"/>
  <c r="AS46" i="100"/>
  <c r="AS45" i="100"/>
  <c r="AV45" i="100" s="1"/>
  <c r="AS44" i="100"/>
  <c r="AS43" i="100"/>
  <c r="AV43" i="100" s="1"/>
  <c r="AS42" i="100"/>
  <c r="AS41" i="100"/>
  <c r="AV41" i="100" s="1"/>
  <c r="AS30" i="100"/>
  <c r="AS29" i="100"/>
  <c r="AS28" i="100"/>
  <c r="AS27" i="100"/>
  <c r="AV27" i="100" s="1"/>
  <c r="AS26" i="100"/>
  <c r="AS25" i="100"/>
  <c r="AV25" i="100" s="1"/>
  <c r="AS24" i="100"/>
  <c r="AS23" i="100"/>
  <c r="AV23" i="100" s="1"/>
  <c r="AS12" i="100"/>
  <c r="AS11" i="100"/>
  <c r="AV11" i="100" s="1"/>
  <c r="AV9" i="100" l="1"/>
  <c r="J52" i="100" s="1"/>
  <c r="Z52" i="100" s="1"/>
  <c r="AN52" i="100" s="1"/>
  <c r="AV29" i="100"/>
  <c r="AP59" i="91"/>
  <c r="AB61" i="91"/>
  <c r="AP61" i="91" s="1"/>
  <c r="AB57" i="91"/>
  <c r="AP57" i="91" s="1"/>
  <c r="J54" i="100" l="1"/>
  <c r="Z54" i="100" s="1"/>
  <c r="J53" i="100"/>
  <c r="Z53" i="100" s="1"/>
  <c r="AP63" i="91"/>
  <c r="AL44" i="94"/>
  <c r="AL45" i="94" s="1"/>
  <c r="AN53" i="100" l="1"/>
  <c r="AN55" i="100" s="1"/>
  <c r="V26" i="120" s="1"/>
  <c r="V28" i="120" s="1"/>
  <c r="AF6" i="92" l="1"/>
  <c r="AX6" i="92" s="1"/>
  <c r="AX54" i="92"/>
  <c r="AX56" i="92" s="1"/>
  <c r="AX43" i="92"/>
  <c r="AX45" i="92" s="1"/>
  <c r="AN54" i="92"/>
  <c r="AN43" i="92"/>
  <c r="AX32" i="92"/>
  <c r="AX34" i="92" s="1"/>
  <c r="AN32" i="92"/>
  <c r="AX21" i="92"/>
  <c r="AX23" i="92" s="1"/>
  <c r="AN21" i="92"/>
  <c r="AX58" i="92" l="1"/>
  <c r="AD11" i="120" s="1"/>
  <c r="V32" i="120" l="1"/>
  <c r="V33" i="120" s="1"/>
  <c r="T37" i="120" l="1"/>
  <c r="T36" i="120"/>
  <c r="T40" i="120" s="1"/>
  <c r="A61" i="190" s="1"/>
  <c r="A28" i="191"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BF26" authorId="0" shapeId="0" xr:uid="{B10F4C5C-77E8-4984-A878-320AC0CA7BE9}">
      <text>
        <r>
          <rPr>
            <b/>
            <sz val="14"/>
            <color indexed="10"/>
            <rFont val="HGSｺﾞｼｯｸM"/>
            <family val="3"/>
            <charset val="128"/>
          </rPr>
          <t>交付額確定通知書等重要な通知の送付先となりますので、記入したE-mailアドレスが正しいことを必ず確認してください。</t>
        </r>
      </text>
    </comment>
    <comment ref="BY26" authorId="0" shapeId="0" xr:uid="{AEBA76A1-4C62-4448-A2C7-4B99A9B95599}">
      <text>
        <r>
          <rPr>
            <b/>
            <sz val="14"/>
            <color indexed="10"/>
            <rFont val="HGSｺﾞｼｯｸM"/>
            <family val="3"/>
            <charset val="128"/>
          </rPr>
          <t>交付額確定通知書等重要な通知の送付先となりますので、記入したE-mailアドレスが正しいことを必ず確認してください。</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903" uniqueCount="1398">
  <si>
    <t>円</t>
    <rPh sb="0" eb="1">
      <t>エン</t>
    </rPh>
    <phoneticPr fontId="6"/>
  </si>
  <si>
    <t>金額(円）
［税抜］</t>
    <rPh sb="0" eb="2">
      <t>キンガク</t>
    </rPh>
    <rPh sb="3" eb="4">
      <t>エン</t>
    </rPh>
    <phoneticPr fontId="6"/>
  </si>
  <si>
    <t>製品名</t>
    <rPh sb="0" eb="3">
      <t>セイヒンメイ</t>
    </rPh>
    <phoneticPr fontId="6"/>
  </si>
  <si>
    <t>□</t>
  </si>
  <si>
    <t>日</t>
    <rPh sb="0" eb="1">
      <t>ヒ</t>
    </rPh>
    <phoneticPr fontId="6"/>
  </si>
  <si>
    <t>月</t>
    <rPh sb="0" eb="1">
      <t>ツキ</t>
    </rPh>
    <phoneticPr fontId="6"/>
  </si>
  <si>
    <t>年</t>
    <rPh sb="0" eb="1">
      <t>ネン</t>
    </rPh>
    <phoneticPr fontId="6"/>
  </si>
  <si>
    <t>メーカー名</t>
    <rPh sb="4" eb="5">
      <t>メイ</t>
    </rPh>
    <phoneticPr fontId="6"/>
  </si>
  <si>
    <t>ＳＩＩ登録型番</t>
    <rPh sb="3" eb="5">
      <t>トウロク</t>
    </rPh>
    <rPh sb="5" eb="7">
      <t>カタバン</t>
    </rPh>
    <phoneticPr fontId="6"/>
  </si>
  <si>
    <t>構成</t>
    <rPh sb="0" eb="2">
      <t>コウセイ</t>
    </rPh>
    <phoneticPr fontId="6"/>
  </si>
  <si>
    <t>改修工法</t>
    <rPh sb="0" eb="2">
      <t>カイシュウ</t>
    </rPh>
    <rPh sb="2" eb="4">
      <t>コウホウ</t>
    </rPh>
    <phoneticPr fontId="6"/>
  </si>
  <si>
    <t>×</t>
    <phoneticPr fontId="6"/>
  </si>
  <si>
    <t>計</t>
    <rPh sb="0" eb="1">
      <t>ケイ</t>
    </rPh>
    <phoneticPr fontId="6"/>
  </si>
  <si>
    <t>㎡</t>
    <phoneticPr fontId="6"/>
  </si>
  <si>
    <t>部位</t>
    <rPh sb="0" eb="2">
      <t>ブイ</t>
    </rPh>
    <phoneticPr fontId="6"/>
  </si>
  <si>
    <t>一般社団法人　環境共創イニシアチブ</t>
    <phoneticPr fontId="6"/>
  </si>
  <si>
    <t>住所</t>
    <rPh sb="0" eb="2">
      <t>ジュウショ</t>
    </rPh>
    <phoneticPr fontId="6"/>
  </si>
  <si>
    <t>〒</t>
    <phoneticPr fontId="6"/>
  </si>
  <si>
    <t>電話番号</t>
    <rPh sb="0" eb="2">
      <t>デンワ</t>
    </rPh>
    <rPh sb="2" eb="4">
      <t>バンゴウ</t>
    </rPh>
    <phoneticPr fontId="6"/>
  </si>
  <si>
    <t>E-mail</t>
    <phoneticPr fontId="6"/>
  </si>
  <si>
    <t>緊急連絡先
（携帯等）</t>
    <rPh sb="0" eb="2">
      <t>キンキュウ</t>
    </rPh>
    <rPh sb="2" eb="5">
      <t>レンラクサキ</t>
    </rPh>
    <rPh sb="7" eb="9">
      <t>ケイタイ</t>
    </rPh>
    <rPh sb="9" eb="10">
      <t>ナド</t>
    </rPh>
    <phoneticPr fontId="6"/>
  </si>
  <si>
    <t>玄関ドア</t>
    <rPh sb="0" eb="2">
      <t>ゲンカン</t>
    </rPh>
    <phoneticPr fontId="6"/>
  </si>
  <si>
    <t>調湿建材</t>
    <rPh sb="0" eb="2">
      <t>チョウシツ</t>
    </rPh>
    <rPh sb="2" eb="4">
      <t>ケンザイ</t>
    </rPh>
    <phoneticPr fontId="6"/>
  </si>
  <si>
    <t>㎡</t>
  </si>
  <si>
    <t>ＳＩＩ登録型番</t>
    <phoneticPr fontId="6"/>
  </si>
  <si>
    <t>費目</t>
    <rPh sb="0" eb="2">
      <t>ヒモク</t>
    </rPh>
    <phoneticPr fontId="38"/>
  </si>
  <si>
    <t>材料費</t>
    <rPh sb="0" eb="3">
      <t>ザイリョウヒ</t>
    </rPh>
    <phoneticPr fontId="38"/>
  </si>
  <si>
    <t>厚み
(mm)</t>
    <rPh sb="0" eb="1">
      <t>アツ</t>
    </rPh>
    <phoneticPr fontId="38"/>
  </si>
  <si>
    <t>無</t>
    <rPh sb="0" eb="1">
      <t>ナシ</t>
    </rPh>
    <phoneticPr fontId="6"/>
  </si>
  <si>
    <t>導入製品</t>
    <rPh sb="0" eb="2">
      <t>ドウニュウ</t>
    </rPh>
    <rPh sb="2" eb="4">
      <t>セイヒン</t>
    </rPh>
    <phoneticPr fontId="6"/>
  </si>
  <si>
    <t>潜熱蓄熱建材</t>
    <rPh sb="0" eb="2">
      <t>センネツ</t>
    </rPh>
    <rPh sb="2" eb="4">
      <t>チクネツ</t>
    </rPh>
    <rPh sb="4" eb="6">
      <t>ケンザイ</t>
    </rPh>
    <phoneticPr fontId="6"/>
  </si>
  <si>
    <t>補助対象経費の合計　[税抜]</t>
    <rPh sb="0" eb="2">
      <t>ホジョ</t>
    </rPh>
    <rPh sb="2" eb="4">
      <t>タイショウ</t>
    </rPh>
    <rPh sb="4" eb="6">
      <t>ケイヒ</t>
    </rPh>
    <rPh sb="7" eb="9">
      <t>ゴウケイ</t>
    </rPh>
    <rPh sb="11" eb="13">
      <t>ゼイヌキ</t>
    </rPh>
    <phoneticPr fontId="6"/>
  </si>
  <si>
    <t>施工面積（㎡）</t>
    <rPh sb="0" eb="2">
      <t>セコウ</t>
    </rPh>
    <rPh sb="2" eb="4">
      <t>メンセキ</t>
    </rPh>
    <phoneticPr fontId="6"/>
  </si>
  <si>
    <t>※「明細書」を先に記入すること</t>
    <rPh sb="2" eb="5">
      <t>メイサイショ</t>
    </rPh>
    <rPh sb="7" eb="8">
      <t>サキ</t>
    </rPh>
    <rPh sb="9" eb="11">
      <t>キニュウ</t>
    </rPh>
    <phoneticPr fontId="6"/>
  </si>
  <si>
    <t>潜熱蓄熱建材の補助対象経費の合計[税抜]</t>
    <rPh sb="0" eb="2">
      <t>センネツ</t>
    </rPh>
    <rPh sb="2" eb="4">
      <t>チクネツ</t>
    </rPh>
    <rPh sb="4" eb="6">
      <t>ケンザイ</t>
    </rPh>
    <rPh sb="7" eb="9">
      <t>ホジョ</t>
    </rPh>
    <rPh sb="9" eb="11">
      <t>タイショウ</t>
    </rPh>
    <rPh sb="11" eb="13">
      <t>ケイヒ</t>
    </rPh>
    <rPh sb="14" eb="16">
      <t>ゴウケイ</t>
    </rPh>
    <rPh sb="17" eb="19">
      <t>ゼイヌキ</t>
    </rPh>
    <phoneticPr fontId="6"/>
  </si>
  <si>
    <t>製品名
（シリーズ名）</t>
    <rPh sb="0" eb="3">
      <t>セイヒンメイ</t>
    </rPh>
    <rPh sb="9" eb="10">
      <t>メイ</t>
    </rPh>
    <phoneticPr fontId="6"/>
  </si>
  <si>
    <t>ＳＩＩ登録型番</t>
    <phoneticPr fontId="6"/>
  </si>
  <si>
    <t>断熱材</t>
    <rPh sb="0" eb="3">
      <t>ダンネツザイ</t>
    </rPh>
    <phoneticPr fontId="6"/>
  </si>
  <si>
    <t>任意の製品の補助対象経費合計（B）</t>
    <rPh sb="0" eb="2">
      <t>ニンイ</t>
    </rPh>
    <rPh sb="3" eb="5">
      <t>セイヒン</t>
    </rPh>
    <rPh sb="6" eb="8">
      <t>ホジョ</t>
    </rPh>
    <rPh sb="8" eb="10">
      <t>タイショウ</t>
    </rPh>
    <rPh sb="10" eb="12">
      <t>ケイヒ</t>
    </rPh>
    <rPh sb="12" eb="14">
      <t>ゴウケイ</t>
    </rPh>
    <phoneticPr fontId="6"/>
  </si>
  <si>
    <t>居室名</t>
    <rPh sb="0" eb="2">
      <t>キョシツ</t>
    </rPh>
    <rPh sb="2" eb="3">
      <t>メイ</t>
    </rPh>
    <phoneticPr fontId="6"/>
  </si>
  <si>
    <t>部位</t>
    <rPh sb="0" eb="2">
      <t>ブイ</t>
    </rPh>
    <phoneticPr fontId="38"/>
  </si>
  <si>
    <t>調湿建材</t>
    <rPh sb="0" eb="2">
      <t>チョウシツ</t>
    </rPh>
    <rPh sb="2" eb="4">
      <t>ケンザイ</t>
    </rPh>
    <phoneticPr fontId="25"/>
  </si>
  <si>
    <t>利用
方法</t>
    <rPh sb="0" eb="2">
      <t>リヨウ</t>
    </rPh>
    <rPh sb="3" eb="5">
      <t>ホウホウ</t>
    </rPh>
    <phoneticPr fontId="6"/>
  </si>
  <si>
    <t>工事費</t>
    <rPh sb="0" eb="2">
      <t>コウジ</t>
    </rPh>
    <rPh sb="2" eb="3">
      <t>ヒ</t>
    </rPh>
    <phoneticPr fontId="38"/>
  </si>
  <si>
    <t>㎡</t>
    <phoneticPr fontId="38"/>
  </si>
  <si>
    <t>材料費計</t>
    <rPh sb="0" eb="3">
      <t>ザイリョウヒ</t>
    </rPh>
    <rPh sb="3" eb="4">
      <t>ケイ</t>
    </rPh>
    <phoneticPr fontId="38"/>
  </si>
  <si>
    <r>
      <rPr>
        <sz val="16"/>
        <rFont val="ＭＳ Ｐゴシック"/>
        <family val="3"/>
        <charset val="128"/>
      </rPr>
      <t>蓄熱量
（kJ/㎡）</t>
    </r>
    <r>
      <rPr>
        <sz val="13"/>
        <rFont val="ＭＳ Ｐゴシック"/>
        <family val="3"/>
        <charset val="128"/>
      </rPr>
      <t xml:space="preserve">
</t>
    </r>
    <r>
      <rPr>
        <sz val="16"/>
        <rFont val="ＭＳ Ｐゴシック"/>
        <family val="3"/>
        <charset val="128"/>
      </rPr>
      <t>（ｂ）</t>
    </r>
    <rPh sb="0" eb="2">
      <t>チクネツ</t>
    </rPh>
    <rPh sb="2" eb="3">
      <t>リョウ</t>
    </rPh>
    <phoneticPr fontId="6"/>
  </si>
  <si>
    <r>
      <rPr>
        <sz val="16"/>
        <rFont val="ＭＳ Ｐゴシック"/>
        <family val="3"/>
        <charset val="128"/>
      </rPr>
      <t>施工面積（㎡）</t>
    </r>
    <r>
      <rPr>
        <sz val="13"/>
        <rFont val="ＭＳ Ｐゴシック"/>
        <family val="3"/>
        <charset val="128"/>
      </rPr>
      <t xml:space="preserve">
</t>
    </r>
    <r>
      <rPr>
        <sz val="16"/>
        <rFont val="ＭＳ Ｐゴシック"/>
        <family val="3"/>
        <charset val="128"/>
      </rPr>
      <t>（ｃ）</t>
    </r>
    <rPh sb="0" eb="2">
      <t>セコウ</t>
    </rPh>
    <rPh sb="2" eb="4">
      <t>メンセキ</t>
    </rPh>
    <phoneticPr fontId="6"/>
  </si>
  <si>
    <t>＜全館空調の有無＞　</t>
    <rPh sb="1" eb="3">
      <t>ゼンカン</t>
    </rPh>
    <rPh sb="3" eb="5">
      <t>クウチョウ</t>
    </rPh>
    <rPh sb="6" eb="8">
      <t>ウム</t>
    </rPh>
    <phoneticPr fontId="6"/>
  </si>
  <si>
    <t>有</t>
    <rPh sb="0" eb="1">
      <t>ア</t>
    </rPh>
    <phoneticPr fontId="6"/>
  </si>
  <si>
    <t>↑小数点第2位まで、3位切捨て</t>
    <rPh sb="1" eb="4">
      <t>ショウスウテン</t>
    </rPh>
    <rPh sb="4" eb="5">
      <t>ダイ</t>
    </rPh>
    <rPh sb="6" eb="7">
      <t>イ</t>
    </rPh>
    <rPh sb="11" eb="12">
      <t>イ</t>
    </rPh>
    <rPh sb="12" eb="14">
      <t>キリス</t>
    </rPh>
    <phoneticPr fontId="6"/>
  </si>
  <si>
    <t>延床面積　：</t>
    <rPh sb="0" eb="4">
      <t>ノベユカメンセキ</t>
    </rPh>
    <phoneticPr fontId="38"/>
  </si>
  <si>
    <r>
      <rPr>
        <sz val="18"/>
        <color indexed="10"/>
        <rFont val="ＭＳ Ｐゴシック"/>
        <family val="3"/>
        <charset val="128"/>
      </rPr>
      <t>⇓</t>
    </r>
    <r>
      <rPr>
        <sz val="14"/>
        <color indexed="10"/>
        <rFont val="ＭＳ Ｐゴシック"/>
        <family val="3"/>
        <charset val="128"/>
      </rPr>
      <t>有の場合、延床面積を記入してください。</t>
    </r>
    <phoneticPr fontId="38"/>
  </si>
  <si>
    <t>全館蓄熱量合計：</t>
    <rPh sb="0" eb="2">
      <t>ゼンカン</t>
    </rPh>
    <rPh sb="2" eb="4">
      <t>チクネツ</t>
    </rPh>
    <rPh sb="4" eb="5">
      <t>リョウ</t>
    </rPh>
    <rPh sb="5" eb="7">
      <t>ゴウケイ</t>
    </rPh>
    <phoneticPr fontId="38"/>
  </si>
  <si>
    <t>ｋＪ</t>
    <phoneticPr fontId="38"/>
  </si>
  <si>
    <t>延床面積あたりの蓄熱量：</t>
    <rPh sb="0" eb="4">
      <t>ノベユカメンセキ</t>
    </rPh>
    <rPh sb="8" eb="10">
      <t>チクネツ</t>
    </rPh>
    <rPh sb="10" eb="11">
      <t>リョウ</t>
    </rPh>
    <phoneticPr fontId="38"/>
  </si>
  <si>
    <t>ｋＪ/㎡</t>
    <phoneticPr fontId="38"/>
  </si>
  <si>
    <t>床面積（a）</t>
    <rPh sb="0" eb="3">
      <t>ユカメンセキ</t>
    </rPh>
    <phoneticPr fontId="38"/>
  </si>
  <si>
    <t>床面積当たりの蓄熱量（ｋＪ/㎡） [（ｄ）/（a）]</t>
    <rPh sb="0" eb="3">
      <t>ユカメンセキ</t>
    </rPh>
    <rPh sb="3" eb="4">
      <t>ア</t>
    </rPh>
    <rPh sb="7" eb="9">
      <t>チクネツ</t>
    </rPh>
    <rPh sb="9" eb="10">
      <t>リョウ</t>
    </rPh>
    <phoneticPr fontId="6"/>
  </si>
  <si>
    <r>
      <rPr>
        <sz val="14"/>
        <rFont val="ＭＳ Ｐゴシック"/>
        <family val="3"/>
        <charset val="128"/>
      </rPr>
      <t>←</t>
    </r>
    <r>
      <rPr>
        <sz val="12"/>
        <rFont val="ＭＳ Ｐゴシック"/>
        <family val="3"/>
        <charset val="128"/>
      </rPr>
      <t>小数点第2位まで、3位切捨て</t>
    </r>
    <r>
      <rPr>
        <sz val="14"/>
        <rFont val="ＭＳ Ｐゴシック"/>
        <family val="3"/>
        <charset val="128"/>
      </rPr>
      <t>↓</t>
    </r>
    <phoneticPr fontId="38"/>
  </si>
  <si>
    <t>蓄熱量合計
（ｋＪ）
（ｄ） [（ｂ）ｘ（ｃ）]</t>
    <rPh sb="0" eb="2">
      <t>チクネツ</t>
    </rPh>
    <rPh sb="2" eb="3">
      <t>リョウ</t>
    </rPh>
    <rPh sb="3" eb="5">
      <t>ゴウケイ</t>
    </rPh>
    <phoneticPr fontId="6"/>
  </si>
  <si>
    <t>床</t>
    <rPh sb="0" eb="1">
      <t>ユカ</t>
    </rPh>
    <phoneticPr fontId="38"/>
  </si>
  <si>
    <t>壁</t>
    <rPh sb="0" eb="1">
      <t>カベ</t>
    </rPh>
    <phoneticPr fontId="38"/>
  </si>
  <si>
    <t>天井</t>
    <rPh sb="0" eb="2">
      <t>テンジョウ</t>
    </rPh>
    <phoneticPr fontId="38"/>
  </si>
  <si>
    <t>・部位ごとに明細を作成すること。</t>
    <rPh sb="1" eb="3">
      <t>ブイ</t>
    </rPh>
    <rPh sb="6" eb="8">
      <t>メイサイ</t>
    </rPh>
    <rPh sb="9" eb="11">
      <t>サクセイ</t>
    </rPh>
    <phoneticPr fontId="6"/>
  </si>
  <si>
    <t>・居室ごとに明細を作成すること。</t>
    <rPh sb="1" eb="3">
      <t>キョシツ</t>
    </rPh>
    <rPh sb="6" eb="8">
      <t>メイサイ</t>
    </rPh>
    <rPh sb="9" eb="11">
      <t>サクセイ</t>
    </rPh>
    <phoneticPr fontId="6"/>
  </si>
  <si>
    <t>工事費計</t>
    <rPh sb="0" eb="2">
      <t>コウジ</t>
    </rPh>
    <rPh sb="2" eb="3">
      <t>ヒ</t>
    </rPh>
    <rPh sb="3" eb="4">
      <t>ケイ</t>
    </rPh>
    <phoneticPr fontId="38"/>
  </si>
  <si>
    <t>小計</t>
    <rPh sb="0" eb="2">
      <t>ショウケイ</t>
    </rPh>
    <phoneticPr fontId="6"/>
  </si>
  <si>
    <t>グレード</t>
    <phoneticPr fontId="38"/>
  </si>
  <si>
    <t>＜補助対象経費の算出＞</t>
    <rPh sb="5" eb="7">
      <t>ケイヒ</t>
    </rPh>
    <rPh sb="8" eb="10">
      <t>サンシュツ</t>
    </rPh>
    <phoneticPr fontId="6"/>
  </si>
  <si>
    <t>ｘ</t>
    <phoneticPr fontId="6"/>
  </si>
  <si>
    <t>補助単価（円）</t>
    <rPh sb="0" eb="2">
      <t>ホジョ</t>
    </rPh>
    <rPh sb="2" eb="4">
      <t>タンカ</t>
    </rPh>
    <rPh sb="5" eb="6">
      <t>エン</t>
    </rPh>
    <phoneticPr fontId="6"/>
  </si>
  <si>
    <t>補助対象経費（円）</t>
    <rPh sb="0" eb="2">
      <t>ホジョ</t>
    </rPh>
    <rPh sb="2" eb="4">
      <t>タイショウ</t>
    </rPh>
    <rPh sb="4" eb="6">
      <t>ケイヒ</t>
    </rPh>
    <rPh sb="7" eb="8">
      <t>エン</t>
    </rPh>
    <phoneticPr fontId="6"/>
  </si>
  <si>
    <t>補助対象経費の合計（円）</t>
    <rPh sb="0" eb="2">
      <t>ホジョ</t>
    </rPh>
    <rPh sb="2" eb="4">
      <t>タイショウ</t>
    </rPh>
    <rPh sb="4" eb="6">
      <t>ケイヒ</t>
    </rPh>
    <rPh sb="7" eb="9">
      <t>ゴウケイ</t>
    </rPh>
    <rPh sb="10" eb="11">
      <t>エン</t>
    </rPh>
    <phoneticPr fontId="6"/>
  </si>
  <si>
    <t>天井</t>
    <rPh sb="0" eb="2">
      <t>テンジョウ</t>
    </rPh>
    <phoneticPr fontId="6"/>
  </si>
  <si>
    <t>床</t>
    <rPh sb="0" eb="1">
      <t>ユカ</t>
    </rPh>
    <phoneticPr fontId="6"/>
  </si>
  <si>
    <t>断熱パネルの補助対象経費合計</t>
    <rPh sb="0" eb="2">
      <t>ダンネツ</t>
    </rPh>
    <rPh sb="12" eb="14">
      <t>ゴウケイ</t>
    </rPh>
    <phoneticPr fontId="6"/>
  </si>
  <si>
    <t>構成</t>
    <rPh sb="0" eb="2">
      <t>コウセイ</t>
    </rPh>
    <phoneticPr fontId="46"/>
  </si>
  <si>
    <t>床</t>
    <rPh sb="0" eb="1">
      <t>ユカ</t>
    </rPh>
    <phoneticPr fontId="46"/>
  </si>
  <si>
    <t>玄関ドアの補助対象経費の合計</t>
    <rPh sb="0" eb="2">
      <t>ゲンカン</t>
    </rPh>
    <rPh sb="5" eb="7">
      <t>ホジョ</t>
    </rPh>
    <rPh sb="7" eb="9">
      <t>タイショウ</t>
    </rPh>
    <rPh sb="9" eb="11">
      <t>ケイヒ</t>
    </rPh>
    <rPh sb="12" eb="14">
      <t>ゴウケイ</t>
    </rPh>
    <phoneticPr fontId="6"/>
  </si>
  <si>
    <t>円</t>
    <rPh sb="0" eb="1">
      <t>エン</t>
    </rPh>
    <phoneticPr fontId="38"/>
  </si>
  <si>
    <t>施工面積合計（㎡）</t>
    <rPh sb="0" eb="2">
      <t>セコウ</t>
    </rPh>
    <rPh sb="2" eb="4">
      <t>メンセキ</t>
    </rPh>
    <rPh sb="4" eb="6">
      <t>ゴウケイ</t>
    </rPh>
    <phoneticPr fontId="38"/>
  </si>
  <si>
    <t>調湿建材の補助対象経費の合計</t>
    <rPh sb="0" eb="2">
      <t>チョウシツ</t>
    </rPh>
    <rPh sb="2" eb="4">
      <t>ケンザイ</t>
    </rPh>
    <rPh sb="5" eb="7">
      <t>ホジョ</t>
    </rPh>
    <rPh sb="7" eb="9">
      <t>タイショウ</t>
    </rPh>
    <rPh sb="9" eb="11">
      <t>ケイヒ</t>
    </rPh>
    <rPh sb="12" eb="14">
      <t>ゴウケイ</t>
    </rPh>
    <phoneticPr fontId="6"/>
  </si>
  <si>
    <t>＜補助金交付申請額の算出＞　</t>
    <rPh sb="1" eb="4">
      <t>ホジョキン</t>
    </rPh>
    <rPh sb="4" eb="6">
      <t>コウフ</t>
    </rPh>
    <rPh sb="6" eb="8">
      <t>シンセイ</t>
    </rPh>
    <rPh sb="8" eb="9">
      <t>ガク</t>
    </rPh>
    <rPh sb="9" eb="10">
      <t>テイガク</t>
    </rPh>
    <rPh sb="10" eb="12">
      <t>サンシュツ</t>
    </rPh>
    <phoneticPr fontId="6"/>
  </si>
  <si>
    <t>熱伝導率
（λ値）</t>
    <rPh sb="0" eb="1">
      <t>ネツ</t>
    </rPh>
    <rPh sb="1" eb="4">
      <t>デンドウリツ</t>
    </rPh>
    <rPh sb="7" eb="8">
      <t>チ</t>
    </rPh>
    <phoneticPr fontId="6"/>
  </si>
  <si>
    <r>
      <t xml:space="preserve">厚み
</t>
    </r>
    <r>
      <rPr>
        <sz val="12"/>
        <rFont val="ＭＳ Ｐゴシック"/>
        <family val="3"/>
        <charset val="128"/>
      </rPr>
      <t>(mm)</t>
    </r>
    <rPh sb="0" eb="1">
      <t>アツ</t>
    </rPh>
    <phoneticPr fontId="6"/>
  </si>
  <si>
    <t>熱抵抗値
（R値）</t>
    <rPh sb="0" eb="1">
      <t>ネツ</t>
    </rPh>
    <rPh sb="1" eb="4">
      <t>テイコウチ</t>
    </rPh>
    <rPh sb="7" eb="8">
      <t>チ</t>
    </rPh>
    <phoneticPr fontId="6"/>
  </si>
  <si>
    <t>補助対象経費の合計（円）</t>
  </si>
  <si>
    <t>壁</t>
    <rPh sb="0" eb="1">
      <t>カベ</t>
    </rPh>
    <phoneticPr fontId="6"/>
  </si>
  <si>
    <t>必須・任意製品の補助対象経費合計（C） [（A）＋（B）]</t>
    <rPh sb="0" eb="2">
      <t>ヒッス</t>
    </rPh>
    <rPh sb="3" eb="5">
      <t>ニンイ</t>
    </rPh>
    <rPh sb="5" eb="7">
      <t>セイヒン</t>
    </rPh>
    <rPh sb="8" eb="10">
      <t>ホジョ</t>
    </rPh>
    <rPh sb="10" eb="12">
      <t>タイショウ</t>
    </rPh>
    <rPh sb="12" eb="14">
      <t>ケイヒ</t>
    </rPh>
    <rPh sb="14" eb="16">
      <t>ゴウケイ</t>
    </rPh>
    <phoneticPr fontId="6"/>
  </si>
  <si>
    <t>一層目</t>
  </si>
  <si>
    <t>二層目</t>
    <rPh sb="0" eb="1">
      <t>ニ</t>
    </rPh>
    <phoneticPr fontId="46"/>
  </si>
  <si>
    <t>合計
熱抵抗値</t>
    <rPh sb="0" eb="2">
      <t>ゴウケイ</t>
    </rPh>
    <rPh sb="3" eb="4">
      <t>ネツ</t>
    </rPh>
    <rPh sb="4" eb="7">
      <t>テイコウチ</t>
    </rPh>
    <phoneticPr fontId="6"/>
  </si>
  <si>
    <t>断熱材の補助対象経費合計</t>
    <rPh sb="0" eb="2">
      <t>ダンネツ</t>
    </rPh>
    <rPh sb="2" eb="3">
      <t>ザイ</t>
    </rPh>
    <rPh sb="10" eb="12">
      <t>ゴウケイ</t>
    </rPh>
    <phoneticPr fontId="6"/>
  </si>
  <si>
    <t>補助率による計算（D） [（C）／２]</t>
    <rPh sb="0" eb="2">
      <t>ホジョ</t>
    </rPh>
    <rPh sb="2" eb="3">
      <t>リツ</t>
    </rPh>
    <rPh sb="6" eb="8">
      <t>ケイサン</t>
    </rPh>
    <phoneticPr fontId="6"/>
  </si>
  <si>
    <t>熱抵抗値（R値）</t>
    <phoneticPr fontId="46"/>
  </si>
  <si>
    <t>2.2以上</t>
    <phoneticPr fontId="46"/>
  </si>
  <si>
    <t>5.4以上</t>
    <phoneticPr fontId="46"/>
  </si>
  <si>
    <t>2.7以上</t>
    <phoneticPr fontId="46"/>
  </si>
  <si>
    <t>施工面積（㎡）</t>
  </si>
  <si>
    <t>施工面積（㎡）</t>
    <phoneticPr fontId="46"/>
  </si>
  <si>
    <t>ｘ</t>
    <phoneticPr fontId="46"/>
  </si>
  <si>
    <t>㎡</t>
    <phoneticPr fontId="46"/>
  </si>
  <si>
    <t>グレード</t>
    <phoneticPr fontId="38"/>
  </si>
  <si>
    <t>S</t>
    <phoneticPr fontId="38"/>
  </si>
  <si>
    <t>A</t>
    <phoneticPr fontId="38"/>
  </si>
  <si>
    <t>補助単価（円）</t>
    <phoneticPr fontId="38"/>
  </si>
  <si>
    <t>ｘ</t>
    <phoneticPr fontId="38"/>
  </si>
  <si>
    <t>補助対象経費（円）</t>
    <phoneticPr fontId="38"/>
  </si>
  <si>
    <t>↓小数点以下切捨て</t>
  </si>
  <si>
    <t>↓小数点以下切捨て</t>
    <phoneticPr fontId="46"/>
  </si>
  <si>
    <t>窓番号</t>
    <rPh sb="0" eb="3">
      <t>マドバンゴウ</t>
    </rPh>
    <phoneticPr fontId="6"/>
  </si>
  <si>
    <t>ＳＩＩ登録型番</t>
    <phoneticPr fontId="46"/>
  </si>
  <si>
    <t>メーカー名</t>
    <phoneticPr fontId="46"/>
  </si>
  <si>
    <t>サイズ</t>
    <phoneticPr fontId="46"/>
  </si>
  <si>
    <t>改修工法</t>
    <rPh sb="0" eb="4">
      <t>カイシュウコウホウ</t>
    </rPh>
    <phoneticPr fontId="46"/>
  </si>
  <si>
    <t>XS</t>
    <phoneticPr fontId="46"/>
  </si>
  <si>
    <t>S</t>
    <phoneticPr fontId="46"/>
  </si>
  <si>
    <t>M</t>
    <phoneticPr fontId="46"/>
  </si>
  <si>
    <t>L</t>
    <phoneticPr fontId="46"/>
  </si>
  <si>
    <t>0.2㎡未満</t>
    <phoneticPr fontId="46"/>
  </si>
  <si>
    <t>0.2㎡以上1.6㎡未満</t>
    <phoneticPr fontId="46"/>
  </si>
  <si>
    <t>1.6㎡以上2.8㎡未満</t>
    <phoneticPr fontId="46"/>
  </si>
  <si>
    <t>2.8㎡以上</t>
    <phoneticPr fontId="46"/>
  </si>
  <si>
    <t>補助単価（円）</t>
    <phoneticPr fontId="46"/>
  </si>
  <si>
    <t>補助対象経費（円）</t>
    <phoneticPr fontId="46"/>
  </si>
  <si>
    <t>円</t>
    <phoneticPr fontId="46"/>
  </si>
  <si>
    <t>任意の製品</t>
    <rPh sb="0" eb="2">
      <t>ニンイ</t>
    </rPh>
    <rPh sb="3" eb="5">
      <t>セイヒン</t>
    </rPh>
    <phoneticPr fontId="6"/>
  </si>
  <si>
    <t>導入必須製品の補助対象経費合計（A）</t>
    <rPh sb="0" eb="2">
      <t>ドウニュウ</t>
    </rPh>
    <rPh sb="2" eb="4">
      <t>ヒッス</t>
    </rPh>
    <rPh sb="4" eb="6">
      <t>セイヒン</t>
    </rPh>
    <rPh sb="7" eb="9">
      <t>ホジョ</t>
    </rPh>
    <rPh sb="9" eb="11">
      <t>タイショウ</t>
    </rPh>
    <rPh sb="11" eb="13">
      <t>ケイヒ</t>
    </rPh>
    <rPh sb="13" eb="15">
      <t>ゴウケイ</t>
    </rPh>
    <phoneticPr fontId="6"/>
  </si>
  <si>
    <t>断熱パネル</t>
    <rPh sb="0" eb="2">
      <t>ダンネツ</t>
    </rPh>
    <phoneticPr fontId="6"/>
  </si>
  <si>
    <t>＜補助対象経費の算出＞　</t>
    <rPh sb="1" eb="3">
      <t>ホジョ</t>
    </rPh>
    <rPh sb="3" eb="5">
      <t>タイショウ</t>
    </rPh>
    <rPh sb="5" eb="7">
      <t>ケイヒ</t>
    </rPh>
    <rPh sb="8" eb="10">
      <t>サンシュツ</t>
    </rPh>
    <phoneticPr fontId="6"/>
  </si>
  <si>
    <t>・潜熱蓄熱建材は見積書及び明細書を基に、導入製品ごとの補助対象経費の合計を下表に記入すること。</t>
    <rPh sb="1" eb="3">
      <t>センネツ</t>
    </rPh>
    <rPh sb="3" eb="5">
      <t>チクネツ</t>
    </rPh>
    <rPh sb="5" eb="7">
      <t>ケンザイ</t>
    </rPh>
    <rPh sb="8" eb="11">
      <t>ミツモリショ</t>
    </rPh>
    <rPh sb="11" eb="12">
      <t>オヨ</t>
    </rPh>
    <rPh sb="13" eb="16">
      <t>メイサイショ</t>
    </rPh>
    <rPh sb="17" eb="18">
      <t>モト</t>
    </rPh>
    <rPh sb="20" eb="22">
      <t>ドウニュウ</t>
    </rPh>
    <rPh sb="22" eb="24">
      <t>セイヒン</t>
    </rPh>
    <rPh sb="27" eb="29">
      <t>ホジョ</t>
    </rPh>
    <rPh sb="29" eb="31">
      <t>タイショウ</t>
    </rPh>
    <rPh sb="31" eb="33">
      <t>ケイヒ</t>
    </rPh>
    <rPh sb="34" eb="36">
      <t>ゴウケイ</t>
    </rPh>
    <rPh sb="37" eb="38">
      <t>シタ</t>
    </rPh>
    <rPh sb="38" eb="39">
      <t>ヒョウ</t>
    </rPh>
    <rPh sb="39" eb="40">
      <t>ソウヒョウ</t>
    </rPh>
    <rPh sb="40" eb="42">
      <t>キニュウ</t>
    </rPh>
    <phoneticPr fontId="6"/>
  </si>
  <si>
    <t>工事費計</t>
    <phoneticPr fontId="38"/>
  </si>
  <si>
    <t>グレード</t>
    <phoneticPr fontId="6"/>
  </si>
  <si>
    <t>グレード</t>
    <phoneticPr fontId="46"/>
  </si>
  <si>
    <t xml:space="preserve"> 小数点第2位まで、
↓3位切捨て    </t>
    <phoneticPr fontId="6"/>
  </si>
  <si>
    <t>小数点第1位まで、
↓2位切捨て（自動計算）</t>
    <rPh sb="12" eb="13">
      <t>イ</t>
    </rPh>
    <rPh sb="13" eb="15">
      <t>キリス</t>
    </rPh>
    <rPh sb="17" eb="19">
      <t>ジドウ</t>
    </rPh>
    <rPh sb="19" eb="21">
      <t>ケイサン</t>
    </rPh>
    <phoneticPr fontId="6"/>
  </si>
  <si>
    <t>小数点第2位まで、
↓3位切捨て　</t>
    <rPh sb="12" eb="13">
      <t>イ</t>
    </rPh>
    <rPh sb="13" eb="15">
      <t>キリス</t>
    </rPh>
    <phoneticPr fontId="6"/>
  </si>
  <si>
    <t xml:space="preserve">   小数点第2位まで、
  ↓3位切捨て    </t>
    <phoneticPr fontId="38"/>
  </si>
  <si>
    <t>書類作成日：</t>
    <rPh sb="0" eb="5">
      <t>ショルイサクセイビ</t>
    </rPh>
    <phoneticPr fontId="46"/>
  </si>
  <si>
    <t>(ふりがな)</t>
    <phoneticPr fontId="46"/>
  </si>
  <si>
    <t>会社名</t>
    <rPh sb="0" eb="3">
      <t>カイシャメイ</t>
    </rPh>
    <phoneticPr fontId="46"/>
  </si>
  <si>
    <t>役職名</t>
    <rPh sb="0" eb="3">
      <t>ヤクショクメイ</t>
    </rPh>
    <phoneticPr fontId="46"/>
  </si>
  <si>
    <t>建物名
部屋番号</t>
    <phoneticPr fontId="46"/>
  </si>
  <si>
    <t>円（税抜)</t>
    <phoneticPr fontId="6"/>
  </si>
  <si>
    <t>代 表 理 事 殿</t>
    <rPh sb="8" eb="9">
      <t>ドノ</t>
    </rPh>
    <phoneticPr fontId="6"/>
  </si>
  <si>
    <t>記</t>
    <rPh sb="0" eb="1">
      <t>キ</t>
    </rPh>
    <phoneticPr fontId="46"/>
  </si>
  <si>
    <t>窓数</t>
  </si>
  <si>
    <t>担当者
所属部署</t>
    <rPh sb="0" eb="3">
      <t>タントウシャ</t>
    </rPh>
    <rPh sb="4" eb="6">
      <t>ショゾク</t>
    </rPh>
    <rPh sb="6" eb="8">
      <t>ブショ</t>
    </rPh>
    <phoneticPr fontId="46"/>
  </si>
  <si>
    <t>代表者
住所</t>
    <rPh sb="0" eb="3">
      <t>ダイヒョウシャ</t>
    </rPh>
    <rPh sb="4" eb="6">
      <t>ジュウショ</t>
    </rPh>
    <phoneticPr fontId="6"/>
  </si>
  <si>
    <t>担当者
住所</t>
    <rPh sb="4" eb="6">
      <t>ジュウショ</t>
    </rPh>
    <phoneticPr fontId="46"/>
  </si>
  <si>
    <t>SII連絡事項</t>
    <rPh sb="3" eb="7">
      <t>レンラクジコウ</t>
    </rPh>
    <phoneticPr fontId="38"/>
  </si>
  <si>
    <t>SII連絡事項</t>
    <phoneticPr fontId="6"/>
  </si>
  <si>
    <t>SII連絡事項</t>
    <rPh sb="3" eb="7">
      <t>レンラクジコウ</t>
    </rPh>
    <phoneticPr fontId="6"/>
  </si>
  <si>
    <t>－</t>
    <phoneticPr fontId="46"/>
  </si>
  <si>
    <t>(</t>
    <phoneticPr fontId="46"/>
  </si>
  <si>
    <t>)</t>
    <phoneticPr fontId="46"/>
  </si>
  <si>
    <t>@</t>
    <phoneticPr fontId="46"/>
  </si>
  <si>
    <t>代表者情報</t>
    <rPh sb="0" eb="5">
      <t>ダイヒョウシャジョウホウ</t>
    </rPh>
    <phoneticPr fontId="46"/>
  </si>
  <si>
    <t>代表者
氏名</t>
    <rPh sb="0" eb="3">
      <t>ダイヒョウシャ</t>
    </rPh>
    <rPh sb="4" eb="6">
      <t>シメイ</t>
    </rPh>
    <phoneticPr fontId="46"/>
  </si>
  <si>
    <t>連絡担当者情報</t>
    <rPh sb="0" eb="2">
      <t>レンラク</t>
    </rPh>
    <rPh sb="5" eb="7">
      <t>ジョウホウ</t>
    </rPh>
    <phoneticPr fontId="46"/>
  </si>
  <si>
    <t>担当者
氏名</t>
    <phoneticPr fontId="46"/>
  </si>
  <si>
    <t>担当者住所が代表者住所と同一の場合は、チェックを入れること</t>
    <rPh sb="0" eb="5">
      <t>タントウシャジュウショ</t>
    </rPh>
    <rPh sb="6" eb="11">
      <t>ダイヒョウシャジュウショ</t>
    </rPh>
    <rPh sb="12" eb="14">
      <t>ドウイツ</t>
    </rPh>
    <rPh sb="15" eb="17">
      <t>バアイ</t>
    </rPh>
    <rPh sb="24" eb="25">
      <t>イ</t>
    </rPh>
    <phoneticPr fontId="46"/>
  </si>
  <si>
    <t>月</t>
    <phoneticPr fontId="6"/>
  </si>
  <si>
    <t>窓サイズ（mm）
幅（W）×高さ（H）</t>
    <rPh sb="0" eb="1">
      <t>マド</t>
    </rPh>
    <rPh sb="9" eb="10">
      <t>ハバ</t>
    </rPh>
    <rPh sb="14" eb="15">
      <t>タカ</t>
    </rPh>
    <phoneticPr fontId="6"/>
  </si>
  <si>
    <t>面積(㎡)</t>
    <rPh sb="0" eb="2">
      <t>メンセキ</t>
    </rPh>
    <phoneticPr fontId="6"/>
  </si>
  <si>
    <t>窓数</t>
    <phoneticPr fontId="46"/>
  </si>
  <si>
    <t>…自動入力</t>
    <rPh sb="1" eb="3">
      <t>ジドウ</t>
    </rPh>
    <rPh sb="3" eb="5">
      <t>ニュウリョク</t>
    </rPh>
    <phoneticPr fontId="6"/>
  </si>
  <si>
    <t>メーカー名</t>
  </si>
  <si>
    <t>シリーズ名又は製品名</t>
  </si>
  <si>
    <t>三協立山株式会社</t>
  </si>
  <si>
    <t>株式会社ＬＩＸＩＬ</t>
  </si>
  <si>
    <t>ＹＫＫ ＡＰ株式会社</t>
  </si>
  <si>
    <t>株式会社日本の窓</t>
  </si>
  <si>
    <t>SII登録型番</t>
    <rPh sb="3" eb="7">
      <t>トウロクカタバン</t>
    </rPh>
    <phoneticPr fontId="46"/>
  </si>
  <si>
    <t>JP030002A</t>
  </si>
  <si>
    <t>JP030003A</t>
  </si>
  <si>
    <t>JP030004A</t>
  </si>
  <si>
    <t>JP030005A</t>
  </si>
  <si>
    <t>JP030006A</t>
  </si>
  <si>
    <t>JP030007A</t>
  </si>
  <si>
    <t>JP030008A</t>
  </si>
  <si>
    <t>JP030009A</t>
  </si>
  <si>
    <t>JP040001A</t>
  </si>
  <si>
    <t>JP053625A</t>
  </si>
  <si>
    <t>JP060001A</t>
  </si>
  <si>
    <t>JP060002A</t>
  </si>
  <si>
    <t>JP060004A</t>
  </si>
  <si>
    <t>JP060005A</t>
  </si>
  <si>
    <t>JP060006A</t>
  </si>
  <si>
    <t>JP070550A</t>
  </si>
  <si>
    <t>JP071240A</t>
  </si>
  <si>
    <t>JP071250A</t>
  </si>
  <si>
    <t>JP079540A</t>
  </si>
  <si>
    <t>JP079550A</t>
  </si>
  <si>
    <t>JP080101A</t>
  </si>
  <si>
    <t>JP080102A</t>
  </si>
  <si>
    <t>JP080103A</t>
  </si>
  <si>
    <t>JP080104A</t>
  </si>
  <si>
    <t>JP080105A</t>
  </si>
  <si>
    <t>JP080106A</t>
  </si>
  <si>
    <t>JP080107A</t>
  </si>
  <si>
    <t>JP080108A</t>
  </si>
  <si>
    <t>JP080109A</t>
  </si>
  <si>
    <t>JP080110A</t>
  </si>
  <si>
    <t>JP080201A</t>
  </si>
  <si>
    <t>JP080202A</t>
  </si>
  <si>
    <t>JP080203A</t>
  </si>
  <si>
    <t>JP080204A</t>
  </si>
  <si>
    <t>JP080205A</t>
  </si>
  <si>
    <t>JP080206A</t>
  </si>
  <si>
    <t>JP080207A</t>
  </si>
  <si>
    <t>JP080208A</t>
  </si>
  <si>
    <t>JP080209A</t>
  </si>
  <si>
    <t>JP080210A</t>
  </si>
  <si>
    <t>JP080211A</t>
  </si>
  <si>
    <t>JP080212A</t>
  </si>
  <si>
    <t>JP080213A</t>
  </si>
  <si>
    <t>JP080214A</t>
  </si>
  <si>
    <t>JP080215A</t>
  </si>
  <si>
    <t>JP080216A</t>
  </si>
  <si>
    <t>JP080217A</t>
  </si>
  <si>
    <t>JP080218A</t>
  </si>
  <si>
    <t>JP080301A</t>
  </si>
  <si>
    <t>JP080302A</t>
  </si>
  <si>
    <t>JP080303A</t>
  </si>
  <si>
    <t>JP080304A</t>
  </si>
  <si>
    <t>JP080305A</t>
  </si>
  <si>
    <t>JP080306A</t>
  </si>
  <si>
    <t>JP080307A</t>
  </si>
  <si>
    <t>JP080308A</t>
  </si>
  <si>
    <t>JP080309A</t>
  </si>
  <si>
    <t>JP080310A</t>
  </si>
  <si>
    <t>JP080311A</t>
  </si>
  <si>
    <t>JP080312A</t>
  </si>
  <si>
    <t>JP091000A</t>
  </si>
  <si>
    <t>JP091001A</t>
  </si>
  <si>
    <t>JP091002A</t>
  </si>
  <si>
    <t>JP091003A</t>
  </si>
  <si>
    <t>JP091004A</t>
  </si>
  <si>
    <t>JP091005A</t>
  </si>
  <si>
    <t>JP091006A</t>
  </si>
  <si>
    <t>JP091007A</t>
  </si>
  <si>
    <t>JP091010A</t>
  </si>
  <si>
    <t>JP091011A</t>
  </si>
  <si>
    <t>JP091012A</t>
  </si>
  <si>
    <t>JP091013A</t>
  </si>
  <si>
    <t>JP091014A</t>
  </si>
  <si>
    <t>JP091015A</t>
  </si>
  <si>
    <t>JP091016A</t>
  </si>
  <si>
    <t>JP091017A</t>
  </si>
  <si>
    <t>JP091018A</t>
  </si>
  <si>
    <t>JP091019A</t>
  </si>
  <si>
    <t>JP091020A</t>
  </si>
  <si>
    <t>JP091021A</t>
  </si>
  <si>
    <t>JP091022A</t>
  </si>
  <si>
    <t>JP091023A</t>
  </si>
  <si>
    <t>JP091024A</t>
  </si>
  <si>
    <t>JP091025A</t>
  </si>
  <si>
    <t>JP091026A</t>
  </si>
  <si>
    <t>JP091027A</t>
  </si>
  <si>
    <t>JP091028A</t>
  </si>
  <si>
    <t>JP091029A</t>
  </si>
  <si>
    <t>JP091030A</t>
  </si>
  <si>
    <t>JP091032A</t>
  </si>
  <si>
    <t>JP091033A</t>
  </si>
  <si>
    <t>JP109843A</t>
  </si>
  <si>
    <t>JP109845A</t>
  </si>
  <si>
    <t>JP109846A</t>
  </si>
  <si>
    <t>JP109847A</t>
  </si>
  <si>
    <t>JP109861A</t>
  </si>
  <si>
    <t>JP109862A</t>
  </si>
  <si>
    <t>JP109863A</t>
  </si>
  <si>
    <t>JP109864A</t>
  </si>
  <si>
    <t>JP109865A</t>
  </si>
  <si>
    <t>JP109866A</t>
  </si>
  <si>
    <t>JP109867A</t>
  </si>
  <si>
    <t>JP109868A</t>
  </si>
  <si>
    <t>JP109871A</t>
  </si>
  <si>
    <t>JP109872A</t>
  </si>
  <si>
    <t>JP109873A</t>
  </si>
  <si>
    <t>JP109874A</t>
  </si>
  <si>
    <t>JP109875A</t>
  </si>
  <si>
    <t>JP109876A</t>
  </si>
  <si>
    <t>JP109877A</t>
  </si>
  <si>
    <t>JP109878A</t>
  </si>
  <si>
    <t>JP109888A</t>
  </si>
  <si>
    <t>JP120001A</t>
  </si>
  <si>
    <t>ココエコ/フロア インプラス</t>
  </si>
  <si>
    <t>ココエコ/ウォール インプラス</t>
  </si>
  <si>
    <t>旭化成建材株式会社</t>
  </si>
  <si>
    <t>ネオマ断熱ボード　ＲＳ－２０</t>
  </si>
  <si>
    <t>ネオマ断熱ボード　ＲＳ－２５</t>
  </si>
  <si>
    <t>ネオマ断熱ボード　ＲＳ－３０</t>
  </si>
  <si>
    <t>ネオマフォームＦＳ　ＦＳ－２０</t>
  </si>
  <si>
    <t>ネオマフォームＦＳ　ＦＳ－２５</t>
  </si>
  <si>
    <t>ネオマフォームＦＳ　ＦＳ－３０</t>
  </si>
  <si>
    <t>ネオマフォームＦＳ　ＦＳ－３５</t>
  </si>
  <si>
    <t>ネオマフォームＦＳ　ＦＳ－５０</t>
  </si>
  <si>
    <t>ネオマフォームＦＳ　ＦＳ－６６</t>
  </si>
  <si>
    <t>株式会社ウッドワン</t>
  </si>
  <si>
    <t>あったかべ RC構造用</t>
  </si>
  <si>
    <t>アキレス株式会社</t>
  </si>
  <si>
    <t>アキレスJDパネル</t>
  </si>
  <si>
    <t>株式会社ハイブリッヂコーポレーション</t>
  </si>
  <si>
    <t>ハウスインハウスパネル床用・天井用</t>
  </si>
  <si>
    <t>ハウスインハウスパネル壁用</t>
  </si>
  <si>
    <t>ハウスインハウスパネル床用（床暖対応型）</t>
  </si>
  <si>
    <t>ハウスインハウスパネル床用（床暖対応型）900サイズ</t>
  </si>
  <si>
    <t>ハウスインハウスパネル天井用（軽量）</t>
  </si>
  <si>
    <t>ハウスインハウスパネル壁用（軽量）</t>
  </si>
  <si>
    <t>デュポン・スタイロ株式会社</t>
  </si>
  <si>
    <t>スタイロパネルK（※ケイ酸カルシウム板5.0＋スタイロフォームＦＧ40mm）</t>
  </si>
  <si>
    <t>スタイロパネルK（※ケイ酸カルシウム板5.0＋スタイロフォームＦＧ50mm）</t>
  </si>
  <si>
    <t>スタイロパネルP（※せっこうボード12.5＋スタイロフォームＦＧ40mm）</t>
  </si>
  <si>
    <t>スタイロパネルP（※せっこうボード12.5＋スタイロフォームＦＧ50mm）</t>
  </si>
  <si>
    <t>スタイロパネルP（※せっこうボード9.5＋スタイロフォームＦＧ40mm）</t>
  </si>
  <si>
    <t>スタイロパネルP（※せっこうボード9.5＋スタイロフォームＦＧ50mm）</t>
  </si>
  <si>
    <t>株式会社カネカ</t>
  </si>
  <si>
    <t>カネライトパネルＰ　ＦＸ-25＋石膏ボード9.5</t>
  </si>
  <si>
    <t>カネライトパネルＰ　ＦＸ-25＋石膏ボード12.5</t>
  </si>
  <si>
    <t>カネライトパネルＰ　ＦＸ-30＋石膏ボード9.5</t>
  </si>
  <si>
    <t>カネライトパネルＰ　ＦＸ-30＋石膏ボード12.5</t>
  </si>
  <si>
    <t>カネライトパネルＰ　ＦＸ-35＋石膏ボード9.5</t>
  </si>
  <si>
    <t>カネライトパネルＰ　ＦＸ-35＋石膏ボード12.5</t>
  </si>
  <si>
    <t>カネライトパネルＰ　ＦＸ-40＋石膏ボード9.5</t>
  </si>
  <si>
    <t>カネライトパネルＰ　ＦＸ-40＋石膏ボード12.5</t>
  </si>
  <si>
    <t>カネライトパネルＰ　ＦＸ-50＋石膏ボード9.5</t>
  </si>
  <si>
    <t>カネライトパネルＰ　ＦＸ-50＋石膏ボード12.5</t>
  </si>
  <si>
    <t>カネライトパネルＶ　ＦＸ-25＋合板2.5</t>
  </si>
  <si>
    <t>カネライトパネルＶ　ＦＸ-25＋合板3</t>
  </si>
  <si>
    <t>カネライトパネルＶ　ＦＸ-25＋合板4</t>
  </si>
  <si>
    <t>カネライトパネルＶ　ＦＸ-25＋合板5.5</t>
  </si>
  <si>
    <t>カネライトパネルＶ　ＦＸ-25＋合板9</t>
  </si>
  <si>
    <t>カネライトパネルＶ　ＦＸ-25＋合板12</t>
  </si>
  <si>
    <t>カネライトパネルＶ　ＦＸ-30＋合板2.5</t>
  </si>
  <si>
    <t>カネライトパネルＶ　ＦＸ-30＋合板3</t>
  </si>
  <si>
    <t>カネライトパネルＶ　ＦＸ-30＋合板4</t>
  </si>
  <si>
    <t>カネライトパネルＶ　ＦＸ-30＋合板5.5</t>
  </si>
  <si>
    <t>カネライトパネルＶ　ＦＸ-30＋合板9</t>
  </si>
  <si>
    <t>カネライトパネルＶ　ＦＸ-30＋合板12</t>
  </si>
  <si>
    <t>カネライトパネルＶ　ＦＸ-35＋合板2.5</t>
  </si>
  <si>
    <t>カネライトパネルＶ　ＦＸ-35＋合板3</t>
  </si>
  <si>
    <t>カネライトパネルＶ　ＦＸ-35＋合板4</t>
  </si>
  <si>
    <t>カネライトパネルＶ　ＦＸ-35＋合板5.5</t>
  </si>
  <si>
    <t>カネライトパネルＶ　ＦＸ-35＋合板9</t>
  </si>
  <si>
    <t>カネライトパネルＶ　ＦＸ-35＋合板12</t>
  </si>
  <si>
    <t>株式会社ＪＳＰ</t>
  </si>
  <si>
    <t>ミラフォームパネルＧ　ラムダ25 + 石膏ボード9.5</t>
  </si>
  <si>
    <t>ミラフォームパネルＧ　ラムダ25 + 石膏ボード12.5</t>
  </si>
  <si>
    <t>ミラフォームパネルＧ　ラムダ30 + 石膏ボード9.5</t>
  </si>
  <si>
    <t>ミラフォームパネルＧ　ラムダ30 + 石膏ボード12.5</t>
  </si>
  <si>
    <t>ミラフォームパネルＧ　ラムダ35 + 石膏ボード9.5</t>
  </si>
  <si>
    <t>ミラフォームパネルＧ　ラムダ35 + 石膏ボード12.5</t>
  </si>
  <si>
    <t>ミラフォームパネルＧ　ラムダ40 + 石膏ボード9.5</t>
  </si>
  <si>
    <t>ミラフォームパネルＧ　ラムダ40 + 石膏ボード12.5</t>
  </si>
  <si>
    <t>ミラフォームパネルＰ　ラムダ25 + 合板2.5</t>
  </si>
  <si>
    <t>ミラフォームパネルＰ　ラムダ25 + 合板3.0</t>
  </si>
  <si>
    <t>ミラフォームパネルＰ　ラムダ25 + 合板4.0</t>
  </si>
  <si>
    <t>ミラフォームパネルＰ　ラムダ25 + 合板5.5</t>
  </si>
  <si>
    <t>ミラフォームパネルＰ　ラムダ25 + 合板9.0</t>
  </si>
  <si>
    <t>ミラフォームパネルＰ　ラムダ25 + 合板12.0</t>
  </si>
  <si>
    <t>ミラフォームパネルＰ　ラムダ30 + 合板2.5</t>
  </si>
  <si>
    <t>ミラフォームパネルＰ　ラムダ30 + 合板3.0</t>
  </si>
  <si>
    <t>ミラフォームパネルＰ　ラムダ30 + 合板4.0</t>
  </si>
  <si>
    <t>ミラフォームパネルＰ　ラムダ30 + 合板5.5</t>
  </si>
  <si>
    <t>ミラフォームパネルＰ　ラムダ30 + 合板9.0</t>
  </si>
  <si>
    <t>ミラフォームパネルＰ　ラムダ30 + 合板12.0</t>
  </si>
  <si>
    <t>ミラフォームパネルＰ　ラムダ35 + 合板2.5</t>
  </si>
  <si>
    <t>ミラフォームパネルＰ　ラムダ35 + 合板3.0</t>
  </si>
  <si>
    <t>ミラフォームパネルＰ　ラムダ35 + 合板4.0</t>
  </si>
  <si>
    <t>ミラフォームパネルＰ　ラムダ35 + 合板5.5</t>
  </si>
  <si>
    <t>ミラフォームパネルＰ　ラムダ35 + 合板9.0</t>
  </si>
  <si>
    <t>ミラフォームパネルＰ　ラムダ35 + 合板12.0</t>
  </si>
  <si>
    <t>ミラフォームパネルＰ　ラムダ40 + 合板2.5</t>
  </si>
  <si>
    <t>ミラフォームパネルＰ　ラムダ40 + 合板3.0</t>
  </si>
  <si>
    <t>ミラフォームパネルＰ　ラムダ40 + 合板4.0</t>
  </si>
  <si>
    <t>ミラフォームパネルＰ　ラムダ40 + 合板5.5</t>
  </si>
  <si>
    <t>ミラフォームパネルＰ　ラムダ40 + 合板9.0</t>
  </si>
  <si>
    <t>ミラフォームパネルＰ　ラムダ40 + 合板12.0</t>
  </si>
  <si>
    <t>株式会社プレスボード</t>
  </si>
  <si>
    <t>プレスパネルKK 46mm</t>
  </si>
  <si>
    <t>プレスパネルKK 56mm</t>
  </si>
  <si>
    <t>プレスパネルKK 31mm</t>
  </si>
  <si>
    <t>プレスパネルKK 36mm</t>
  </si>
  <si>
    <t>プレスパネルPB 49.5mm</t>
  </si>
  <si>
    <t>プレスパネルPB 52.5mm</t>
  </si>
  <si>
    <t>プレスパネルPB 59.5mm</t>
  </si>
  <si>
    <t>プレスパネルPB 62.5mm</t>
  </si>
  <si>
    <t>プレスパネルPB 34.5mm</t>
  </si>
  <si>
    <t>プレスパネルPB 39.5mm</t>
  </si>
  <si>
    <t>プレスパネルPB 37.5mm</t>
  </si>
  <si>
    <t>プレスパネルPB 42.5mm</t>
  </si>
  <si>
    <t>プレスパネルPBSK 36mm</t>
  </si>
  <si>
    <t>プレスパネルPBSK 41mm</t>
  </si>
  <si>
    <t>プレスパネルPBSK 51mm</t>
  </si>
  <si>
    <t>プレスパネルPBSK 61mm</t>
  </si>
  <si>
    <t>プレスパネルPBSK 39mm</t>
  </si>
  <si>
    <t>プレスパネルPBSK 44mm</t>
  </si>
  <si>
    <t>プレスパネルPBSK 54mm</t>
  </si>
  <si>
    <t>プレスパネルPBSK 64mm</t>
  </si>
  <si>
    <t>プレスパネルSKV　35.5㎜</t>
  </si>
  <si>
    <t>フクビ化学工業株式会社</t>
  </si>
  <si>
    <t>フェノバボードRS20</t>
  </si>
  <si>
    <t>フェノバボードRG20</t>
  </si>
  <si>
    <t>JT041001</t>
  </si>
  <si>
    <t>JT041002</t>
  </si>
  <si>
    <t>JT041003</t>
  </si>
  <si>
    <t>JT041008</t>
  </si>
  <si>
    <t>JT041009</t>
  </si>
  <si>
    <t>JT041010</t>
  </si>
  <si>
    <t>JT077001</t>
  </si>
  <si>
    <t>JT077002</t>
  </si>
  <si>
    <t>JT077003</t>
  </si>
  <si>
    <t>JT077004</t>
  </si>
  <si>
    <t>JT082009</t>
  </si>
  <si>
    <t>JT082509</t>
  </si>
  <si>
    <t>JT082515</t>
  </si>
  <si>
    <t>JT083009</t>
  </si>
  <si>
    <t>JT083015</t>
  </si>
  <si>
    <t>JT088031</t>
  </si>
  <si>
    <t>JT088032</t>
  </si>
  <si>
    <t>大建工業株式会社</t>
  </si>
  <si>
    <t>永大産業株式会社</t>
  </si>
  <si>
    <t>エコ熱プラス　フローリング　全面パネル</t>
  </si>
  <si>
    <t>エコ熱プラス　フローリング　右半面パネル</t>
  </si>
  <si>
    <t>エコ熱プラス　フローリング　左半面パネル</t>
  </si>
  <si>
    <t>三木理研工業株式会社</t>
  </si>
  <si>
    <t>PB-25-3</t>
  </si>
  <si>
    <t>PB-25-8</t>
  </si>
  <si>
    <t>PB-23-3</t>
  </si>
  <si>
    <t>PB-23-8</t>
  </si>
  <si>
    <t>PS-25</t>
  </si>
  <si>
    <t>PCM-G28-3</t>
  </si>
  <si>
    <t>PCM-G28-5</t>
  </si>
  <si>
    <t>PCM-G28-12</t>
  </si>
  <si>
    <t>千代田インテグレ株式会社</t>
  </si>
  <si>
    <t>蓄熱ボードPB-25-3(PET無)</t>
  </si>
  <si>
    <t>蓄熱ボードPB-25-8(PET有)</t>
  </si>
  <si>
    <t>蓄熱ボードPB-23-3</t>
  </si>
  <si>
    <t>蓄熱ボードPB-23-8</t>
  </si>
  <si>
    <t>株式会社ネギシ</t>
  </si>
  <si>
    <t>エナジーボードPS EB-20AL09</t>
  </si>
  <si>
    <t>エナジーボードPS EB-20AL15</t>
  </si>
  <si>
    <t>エナジーボードPS EB-25AL09</t>
  </si>
  <si>
    <t>エナジーボードPS EB-25AL15</t>
  </si>
  <si>
    <t>エナジーボードPS EB-30AL09</t>
  </si>
  <si>
    <t>エナジーボードPS EB-30AL15</t>
  </si>
  <si>
    <t>＠ゆかだんP-Lus AYP-800HPB-31</t>
  </si>
  <si>
    <t>＠ゆかだんP-Lus AYP-800HPB-32</t>
  </si>
  <si>
    <t>チヨダウーテ株式会社</t>
  </si>
  <si>
    <t>パッサーモシート SK25</t>
  </si>
  <si>
    <t>熱伝導率</t>
    <rPh sb="0" eb="4">
      <t>ネツデンドウリツ</t>
    </rPh>
    <phoneticPr fontId="46"/>
  </si>
  <si>
    <t>GERMAN HOUSE株式会社</t>
  </si>
  <si>
    <t>防火ﾄﾞｱﾌｧﾉｰﾊﾞ K2</t>
  </si>
  <si>
    <t>防火ﾄﾞｱｱﾊﾟｰﾄﾄﾞｱAXII K2</t>
  </si>
  <si>
    <t>ﾌﾟﾛﾉｰﾊﾞ</t>
  </si>
  <si>
    <t>JD020101S</t>
  </si>
  <si>
    <t>アヴァントス11A型/11B型（イルミネーションガラス仕様除く）</t>
  </si>
  <si>
    <t>JD020102S</t>
  </si>
  <si>
    <t>アヴァントス13A型/13B型（イルミネーションガラス仕様除く）</t>
  </si>
  <si>
    <t>JD020103S</t>
  </si>
  <si>
    <t>アヴァントス14B型（イルミネーションガラス仕様除く）</t>
  </si>
  <si>
    <t>JD020104S</t>
  </si>
  <si>
    <t>アヴァントス15A型/15B型（イルミネーションガラス仕様除く）</t>
  </si>
  <si>
    <t>JD020105S</t>
  </si>
  <si>
    <t>アヴァントス16A型/16B型（イルミネーションガラス仕様除く）</t>
  </si>
  <si>
    <t>アヴァントス19A型/19B型（イルミネーションガラス仕様除く）</t>
  </si>
  <si>
    <t>JD020108S</t>
  </si>
  <si>
    <t>アヴァントス51型（イルミネーションガラス仕様除く）</t>
  </si>
  <si>
    <t>アヴァントス52型（イルミネーションガラス仕様除く）</t>
  </si>
  <si>
    <t>JD020110S</t>
  </si>
  <si>
    <t>アヴァントス53型（イルミネーションガラス仕様除く）</t>
  </si>
  <si>
    <t>JD020111S</t>
  </si>
  <si>
    <t>アヴァントス54型（イルミネーションガラス仕様除く）</t>
  </si>
  <si>
    <t>JD020112S</t>
  </si>
  <si>
    <t>アヴァントス56型（イルミネーションガラス仕様除く）</t>
  </si>
  <si>
    <t>JD020201A</t>
  </si>
  <si>
    <t>JD020301A</t>
  </si>
  <si>
    <t>リジェーロα防火戸ｋ２仕様</t>
  </si>
  <si>
    <t>JD020401A</t>
  </si>
  <si>
    <t>外部物置ドア防火戸ｋ２仕様</t>
  </si>
  <si>
    <t>JD020501S</t>
  </si>
  <si>
    <t>JD020601A</t>
  </si>
  <si>
    <t>JD020701S</t>
  </si>
  <si>
    <t>グランデル2 ハイグレード仕様 801型</t>
  </si>
  <si>
    <t>JD020702S</t>
  </si>
  <si>
    <t>グランデル2 ハイグレード仕様 802型</t>
  </si>
  <si>
    <t>JD020703S</t>
  </si>
  <si>
    <t>グランデル2 ハイグレード仕様 851型</t>
  </si>
  <si>
    <t>JD020704S</t>
  </si>
  <si>
    <t>グランデル２ スタンダード仕様 101型</t>
  </si>
  <si>
    <t>JD020705S</t>
  </si>
  <si>
    <t>グランデル２ スタンダード仕様 102型</t>
  </si>
  <si>
    <t>JD020706S</t>
  </si>
  <si>
    <t>グランデル２ スタンダード仕様 103型</t>
  </si>
  <si>
    <t>JD020707S</t>
  </si>
  <si>
    <t>グランデル２ スタンダード仕様 104型</t>
  </si>
  <si>
    <t>JD020708S</t>
  </si>
  <si>
    <t>グランデル２ スタンダード仕様 105型</t>
  </si>
  <si>
    <t>JD020709S</t>
  </si>
  <si>
    <t>グランデル２ スタンダード仕様 106型</t>
  </si>
  <si>
    <t>JD020710S</t>
  </si>
  <si>
    <t>グランデル２ スタンダード仕様 121型</t>
  </si>
  <si>
    <t>JD020711S</t>
  </si>
  <si>
    <t>グランデル２ スタンダード仕様 132型</t>
  </si>
  <si>
    <t>JD020712S</t>
  </si>
  <si>
    <t>グランデル２ スタンダード仕様 141型</t>
  </si>
  <si>
    <t>JD020713S</t>
  </si>
  <si>
    <t>グランデル２ スタンダード仕様 144型</t>
  </si>
  <si>
    <t>JD020714S</t>
  </si>
  <si>
    <t>グランデル２ スタンダード仕様 151型</t>
  </si>
  <si>
    <t>グランデル２ スタンダード仕様 152型</t>
  </si>
  <si>
    <t>JD020716S</t>
  </si>
  <si>
    <t>グランデル２ スタンダード仕様 153型</t>
  </si>
  <si>
    <t>JD020717S</t>
  </si>
  <si>
    <t>グランデル２ スタンダード仕様 154型</t>
  </si>
  <si>
    <t>JD020718S</t>
  </si>
  <si>
    <t>グランデル２ スタンダード仕様 155型</t>
  </si>
  <si>
    <t>JD020719S</t>
  </si>
  <si>
    <t>グランデル２ スタンダード仕様 156型</t>
  </si>
  <si>
    <t>JD020720S</t>
  </si>
  <si>
    <t>グランデル２ スタンダード仕様 171型</t>
  </si>
  <si>
    <t>JD020721S</t>
  </si>
  <si>
    <t>グランデル２ スタンダード仕様 172型</t>
  </si>
  <si>
    <t>JD020722S</t>
  </si>
  <si>
    <t>グランデル２ スタンダード仕様 173型</t>
  </si>
  <si>
    <t>JD020723S</t>
  </si>
  <si>
    <t>グランデル２ スタンダード仕様 174型</t>
  </si>
  <si>
    <t>JD020724S</t>
  </si>
  <si>
    <t>グランデル２ スタンダード仕様 181型</t>
  </si>
  <si>
    <t>JD020725S</t>
  </si>
  <si>
    <t>グランデル２ スタンダード仕様 182型</t>
  </si>
  <si>
    <t>JD020726S</t>
  </si>
  <si>
    <t>グランデル２ スタンダード仕様 183型</t>
  </si>
  <si>
    <t>JD020727S</t>
  </si>
  <si>
    <t>グランデル２ スタンダード仕様 191型</t>
  </si>
  <si>
    <t>JD020801A</t>
  </si>
  <si>
    <t>玄関ドアDA防火戸ｋ２仕様</t>
  </si>
  <si>
    <t>JD031101S</t>
  </si>
  <si>
    <t>InnoBest D70</t>
  </si>
  <si>
    <t>JD032101S</t>
  </si>
  <si>
    <t>InnoBest D50 樹脂複合枠</t>
  </si>
  <si>
    <t>JD032201S</t>
  </si>
  <si>
    <t>InnoBest D50 形材断熱枠 片開き</t>
  </si>
  <si>
    <t>JD032202S</t>
  </si>
  <si>
    <t>InnoBest D50 形材断熱枠 両開き</t>
  </si>
  <si>
    <t>JD033201S</t>
  </si>
  <si>
    <t>InnoBest D50 防火ドア 形材断熱枠</t>
  </si>
  <si>
    <t>JD035201A</t>
  </si>
  <si>
    <t>ヴェナート Ｄ３０ 防火ドア（Ｄ２仕様）</t>
  </si>
  <si>
    <t>防火ドアＧシリーズ アパート用玄関ドア（Ｄ２仕様）</t>
  </si>
  <si>
    <t>GERMAN DOOR WOODYシリーズ</t>
  </si>
  <si>
    <t>さらりあ～と　シンプルクリーン</t>
  </si>
  <si>
    <t>JC011803</t>
  </si>
  <si>
    <t>さらりあ～と　セレクタッチ</t>
  </si>
  <si>
    <t>JC011804</t>
  </si>
  <si>
    <t>ダイロートン健康快適天井材　クリアトーン12SII</t>
  </si>
  <si>
    <t>JC011805</t>
  </si>
  <si>
    <t>ダイロートン健康快適天井材　クリアトーン12SIIラインアート</t>
  </si>
  <si>
    <t>さらりあ～と　シンプルパレット</t>
  </si>
  <si>
    <t>さらりあ～と　テキスタイル</t>
  </si>
  <si>
    <t>JC011814</t>
  </si>
  <si>
    <t>ダイケンボード　木質調湿天井材　しずかW</t>
  </si>
  <si>
    <t>JC021001</t>
  </si>
  <si>
    <t>アイカ工業株式会社</t>
  </si>
  <si>
    <t>モイスNT内装材</t>
  </si>
  <si>
    <t>JC021002</t>
  </si>
  <si>
    <t>JC021003</t>
  </si>
  <si>
    <t>モイスNT天井材　素地タイプ</t>
  </si>
  <si>
    <t>JC021004</t>
  </si>
  <si>
    <t>モイスNT小口梱包出荷品</t>
  </si>
  <si>
    <t>JC021005</t>
  </si>
  <si>
    <t>JC032014</t>
  </si>
  <si>
    <t>エコカラットプラス</t>
  </si>
  <si>
    <t>株式会社エーアンドエーマテリアル</t>
  </si>
  <si>
    <t>カラリッチ</t>
  </si>
  <si>
    <t>朝日ウッドテック株式会社</t>
  </si>
  <si>
    <t>JC080003</t>
  </si>
  <si>
    <t>吉野石膏株式会社</t>
  </si>
  <si>
    <t>ソーラトン・スカット（12mm）</t>
  </si>
  <si>
    <t>JC080004</t>
  </si>
  <si>
    <t>ソーラトン・スカット（9mm）</t>
  </si>
  <si>
    <t>JC080005</t>
  </si>
  <si>
    <t>タイガーハイクリン スカットボード（12.5mm）</t>
  </si>
  <si>
    <t>JC080006</t>
  </si>
  <si>
    <t>タイガーハイクリン スカットボード（9.5mm）</t>
  </si>
  <si>
    <t>JC080007</t>
  </si>
  <si>
    <t>タイガーハイクリン スカット押入ボード（12.5mm）</t>
  </si>
  <si>
    <t>JC080008</t>
  </si>
  <si>
    <t>タイガーハイクリン スカット押入ボード（9.5mm）</t>
  </si>
  <si>
    <t>JC090001</t>
  </si>
  <si>
    <t>さわやか押入れボード(9.5mm)</t>
  </si>
  <si>
    <t>さわやか押入れボード(12.5mm)</t>
  </si>
  <si>
    <t>製品
必須</t>
    <rPh sb="0" eb="2">
      <t>セイヒン</t>
    </rPh>
    <rPh sb="3" eb="5">
      <t>ヒッス</t>
    </rPh>
    <phoneticPr fontId="6"/>
  </si>
  <si>
    <t>断熱パネル</t>
    <rPh sb="0" eb="2">
      <t>ダンネツ</t>
    </rPh>
    <phoneticPr fontId="46"/>
  </si>
  <si>
    <t>潜熱蓄熱建材</t>
    <rPh sb="0" eb="6">
      <t>センネツチクネツケンザイ</t>
    </rPh>
    <phoneticPr fontId="46"/>
  </si>
  <si>
    <t>断熱材</t>
    <rPh sb="0" eb="3">
      <t>ダンネツザイ</t>
    </rPh>
    <phoneticPr fontId="46"/>
  </si>
  <si>
    <t>窓・防災ガラス窓</t>
    <rPh sb="0" eb="1">
      <t>マド</t>
    </rPh>
    <rPh sb="2" eb="4">
      <t>ボウサイ</t>
    </rPh>
    <rPh sb="7" eb="8">
      <t>マド</t>
    </rPh>
    <phoneticPr fontId="46"/>
  </si>
  <si>
    <t>玄関ドア</t>
    <rPh sb="0" eb="2">
      <t>ゲンカン</t>
    </rPh>
    <phoneticPr fontId="46"/>
  </si>
  <si>
    <t>調湿建材</t>
    <rPh sb="0" eb="4">
      <t>チョウシツケンザイ</t>
    </rPh>
    <phoneticPr fontId="46"/>
  </si>
  <si>
    <t>製品区分</t>
    <rPh sb="0" eb="4">
      <t>セイヒンクブン</t>
    </rPh>
    <phoneticPr fontId="46"/>
  </si>
  <si>
    <t>窓</t>
  </si>
  <si>
    <t>キューワンボード</t>
  </si>
  <si>
    <t>JH013621</t>
  </si>
  <si>
    <t>キューワンボードＲＺ</t>
  </si>
  <si>
    <t>JH013622</t>
  </si>
  <si>
    <t>キューワンボードKISOウチ</t>
  </si>
  <si>
    <t>JH013623</t>
  </si>
  <si>
    <t>キューワンボードKISOソト</t>
  </si>
  <si>
    <t>JH013624</t>
  </si>
  <si>
    <t>ジーワンボード</t>
  </si>
  <si>
    <t>JH021111</t>
  </si>
  <si>
    <t>ネオマフォーム</t>
  </si>
  <si>
    <t>JH021112</t>
  </si>
  <si>
    <t>ネオマゼウス</t>
  </si>
  <si>
    <t>JD020107S</t>
  </si>
  <si>
    <t>倉敷紡績株式会社</t>
  </si>
  <si>
    <t>クランゼロボード</t>
  </si>
  <si>
    <t>JH051000</t>
  </si>
  <si>
    <t>ミラフォームラムダ</t>
  </si>
  <si>
    <t>スタイロフォームFG</t>
  </si>
  <si>
    <t>JH080001</t>
  </si>
  <si>
    <t>フェノバボード</t>
  </si>
  <si>
    <t>JH080002</t>
  </si>
  <si>
    <t>フェノバボードJ</t>
  </si>
  <si>
    <t>JH080003</t>
  </si>
  <si>
    <t>フェノバボード遮熱</t>
  </si>
  <si>
    <t>ウレタン断熱パネル</t>
  </si>
  <si>
    <t>JH100001</t>
  </si>
  <si>
    <t>カネライトフォームＦＸ</t>
  </si>
  <si>
    <t>JH110001</t>
  </si>
  <si>
    <t>株式会社東北イノアック</t>
  </si>
  <si>
    <t>サーマックスRW-25</t>
  </si>
  <si>
    <t>JH110002</t>
  </si>
  <si>
    <t>サーマックスRW-30</t>
  </si>
  <si>
    <t>JH110003</t>
  </si>
  <si>
    <t>サーマックスRW-40</t>
  </si>
  <si>
    <t>JH110004</t>
  </si>
  <si>
    <t>サーマックスRW-45</t>
  </si>
  <si>
    <t>JH110005</t>
  </si>
  <si>
    <t>サーマックスRW-50</t>
  </si>
  <si>
    <t>JH110006</t>
  </si>
  <si>
    <t>サーマックスRW-66</t>
  </si>
  <si>
    <t>JH110007</t>
  </si>
  <si>
    <t>サーマックスRW-80</t>
  </si>
  <si>
    <t>JH110008</t>
  </si>
  <si>
    <t>サーマックスRW-100</t>
  </si>
  <si>
    <t>JH110009</t>
  </si>
  <si>
    <t>サーマックスRII</t>
  </si>
  <si>
    <t>JH110010</t>
  </si>
  <si>
    <t>サーマックスCW</t>
  </si>
  <si>
    <t>サーマックスSIII</t>
  </si>
  <si>
    <t>JD020715S</t>
  </si>
  <si>
    <t>SII連絡事項</t>
    <phoneticPr fontId="46"/>
  </si>
  <si>
    <t>No.</t>
  </si>
  <si>
    <t>No.</t>
    <phoneticPr fontId="38"/>
  </si>
  <si>
    <t>No.</t>
    <phoneticPr fontId="46"/>
  </si>
  <si>
    <t>No.</t>
    <phoneticPr fontId="46"/>
  </si>
  <si>
    <t>No.</t>
    <phoneticPr fontId="46"/>
  </si>
  <si>
    <t>カバー工法</t>
  </si>
  <si>
    <t>ダイロートン健康快適天井材　クリアトーン12SIIトイレ天井</t>
  </si>
  <si>
    <t>JC011812</t>
  </si>
  <si>
    <t>外窓交換（防火・防風・防犯仕様）</t>
  </si>
  <si>
    <t>防火窓ｱﾙｼﾞｵLow-E</t>
  </si>
  <si>
    <t>防火窓ｱﾙｼﾞｵLow-E(Ar)</t>
  </si>
  <si>
    <t>防火窓ｱﾙｼﾞｵﾃﾗｽﾄﾞｱLow-E</t>
  </si>
  <si>
    <t>防火窓ｱﾙｼﾞｵﾃﾗｽﾄﾞｱLow-E(Ar)</t>
  </si>
  <si>
    <t>防火窓ｱﾙｼﾞｵ勝手口ﾄﾞｱ（採風除く）Low-E</t>
  </si>
  <si>
    <t>防火窓ｱﾙｼﾞｵ勝手口ﾄﾞｱ（採風除く）Low-E(Ar)</t>
  </si>
  <si>
    <t>防火ｻｯｼF型ｱﾙﾐ樹脂複合Low-E(Ar)</t>
  </si>
  <si>
    <t>防災ガラス窓</t>
  </si>
  <si>
    <t>外窓交換</t>
  </si>
  <si>
    <t>JP060003A</t>
  </si>
  <si>
    <t>JT110001</t>
  </si>
  <si>
    <t>PRESEA-H（防火） Low-E</t>
  </si>
  <si>
    <t>防火戸FG-H Low-E（Ar）</t>
  </si>
  <si>
    <t>防火戸FG-H シャッター付引違い窓 Low-E（Ar）</t>
  </si>
  <si>
    <t>防火戸FG-L Low-E（Ar）</t>
  </si>
  <si>
    <t>防火戸FG-L シャッター付引違い窓 Low-E（Ar）</t>
  </si>
  <si>
    <t>防火戸FG-C シャッター付引違い窓 Low-E（Ar）</t>
  </si>
  <si>
    <t>防火戸サーモスX LowE（Ar）</t>
  </si>
  <si>
    <t>防火戸サーモスX シャッター付引違い窓 Low-E三層（Ar）</t>
  </si>
  <si>
    <t>防火戸サーモスX シャッター付引違い窓 Low-E三層（Kr）</t>
  </si>
  <si>
    <t>防火戸サーモスX シャッター付引違い窓 ダブルLow-E三層（Ar）</t>
  </si>
  <si>
    <t>防火戸サーモスX シャッター付引違い窓 ダブルLow-E三層（Kr）</t>
  </si>
  <si>
    <t>防火戸サーモスX 採風勝手口ドア Low-E（Ar）</t>
  </si>
  <si>
    <t>防火戸FG-F Low-E（Ar）</t>
  </si>
  <si>
    <t>カネライトパネルK　ＦＸ-25＋ケイカル板4</t>
  </si>
  <si>
    <t>カネライトパネルK　ＦＸ-25＋ケイカル板5</t>
  </si>
  <si>
    <t>カネライトパネルK　ＦＸ-25＋ケイカル板6</t>
  </si>
  <si>
    <t>カネライトパネルK　ＦＸ-25＋ケイカル板8</t>
  </si>
  <si>
    <t>カネライトパネルK　ＦＸ-30＋ケイカル板4</t>
  </si>
  <si>
    <t>カネライトパネルK　ＦＸ-30＋ケイカル板5</t>
  </si>
  <si>
    <t>カネライトパネルK　ＦＸ-30＋ケイカル板6</t>
  </si>
  <si>
    <t>カネライトパネルK　ＦＸ-30＋ケイカル板8</t>
  </si>
  <si>
    <t>カネライトパネルK　ＦＸ-35＋ケイカル板4</t>
  </si>
  <si>
    <t>カネライトパネルK　ＦＸ-35＋ケイカル板5</t>
  </si>
  <si>
    <t>カネライトパネルK　ＦＸ-35＋ケイカル板6</t>
  </si>
  <si>
    <t>カネライトパネルK　ＦＸ-35＋ケイカル板8</t>
  </si>
  <si>
    <t>APW330 防火窓（Ar）</t>
  </si>
  <si>
    <t>APW330 防火窓</t>
  </si>
  <si>
    <t>APW331 防火窓（Ar）</t>
  </si>
  <si>
    <t>APW331 防火窓</t>
  </si>
  <si>
    <t>APW331 防火窓 ｼｬｯﾀｰ付引違いﾃﾗｽ戸（Ar）</t>
  </si>
  <si>
    <t>APW331 防火窓 ｼｬｯﾀｰ付引違いﾃﾗｽ戸</t>
  </si>
  <si>
    <t>APW331 防火窓 開き窓ﾃﾗｽ（Ar）</t>
  </si>
  <si>
    <t>APW331 防火窓 開き窓ﾃﾗｽ</t>
  </si>
  <si>
    <t>APW330防火窓　木目仕様</t>
  </si>
  <si>
    <t>APW330防火窓　木目仕様（Ar）</t>
  </si>
  <si>
    <t>APW330防火窓　木目仕様（真空トリプル）</t>
  </si>
  <si>
    <t>APW331防火窓　木目仕様</t>
  </si>
  <si>
    <t>APW331防火窓　木目仕様（Ar）</t>
  </si>
  <si>
    <t>APW331防火窓　木目仕様（真空トリプル）</t>
  </si>
  <si>
    <t>APW331防火窓　木目仕様開き窓テラス（2シリンダー仕様）</t>
  </si>
  <si>
    <t>APW331防火窓　木目仕様開き窓テラス（2シリンダー仕様）（Ar）</t>
  </si>
  <si>
    <t>エピソードII防火窓GNEO　（Ar）（勝手口ﾄﾞｱ・開き窓ﾃﾗｽ・ﾌﾛｱ納まり片引き戸 除く）</t>
  </si>
  <si>
    <t>エピソードII防火窓GNEO　耐熱強化複層ガラス仕様　ガス無(A14)</t>
  </si>
  <si>
    <t>エピソードII防火窓GNEO-R　（Ar）（勝手口ﾄﾞｱ 除く）</t>
  </si>
  <si>
    <t>APW430防火窓</t>
  </si>
  <si>
    <t>APW431防火窓</t>
  </si>
  <si>
    <t>JP091031A</t>
  </si>
  <si>
    <t>株式会社エクセルシャノン</t>
  </si>
  <si>
    <t>ｼｬﾉﾝｳｲﾝﾄﾞTypeEB防火窓 Low-E(Ar)</t>
  </si>
  <si>
    <t>ｼｬﾉﾝｳｲﾝﾄﾞTypeEC防火窓 Low-E(Ar)</t>
  </si>
  <si>
    <t>ｼｬﾉﾝｳｲﾝﾄﾞTypeTG防火窓 ダブルLow-E(Ar)</t>
  </si>
  <si>
    <t>クレトイシ株式会社</t>
  </si>
  <si>
    <t>【防災】montage</t>
  </si>
  <si>
    <t>【防災】montage　トリプルガラス</t>
  </si>
  <si>
    <t>【防災】montage　防火窓</t>
  </si>
  <si>
    <t>montage　防火窓</t>
  </si>
  <si>
    <t>MADOBA　防火窓</t>
  </si>
  <si>
    <t>MADOBA　防火窓（Ar）</t>
  </si>
  <si>
    <t>【防災】MADOBA　ペア</t>
  </si>
  <si>
    <t>【防災】MADOBA　ペア（Ar）</t>
  </si>
  <si>
    <t>不二サッシ株式会社</t>
  </si>
  <si>
    <t>ＦＳＳＨ　引違い（防火）（特定得意先向け用）</t>
  </si>
  <si>
    <t>ＦＳＳＨ　ＦＩＸ（防火）（特定得意先向け用）</t>
  </si>
  <si>
    <t>【防災】FSSH　引違い（特定得意先向け用）</t>
  </si>
  <si>
    <t>【防災】FSSH　FIX（特定得意先向け用）</t>
  </si>
  <si>
    <t>JW011503A</t>
  </si>
  <si>
    <t>JW011504A</t>
  </si>
  <si>
    <t>JW011505A</t>
  </si>
  <si>
    <t>JW011506A</t>
  </si>
  <si>
    <t>JW011601A</t>
  </si>
  <si>
    <t>JW023101A</t>
  </si>
  <si>
    <t>JW024101A</t>
  </si>
  <si>
    <t>JW025101A</t>
  </si>
  <si>
    <t>JW025102A</t>
  </si>
  <si>
    <t>JW026101A</t>
  </si>
  <si>
    <t>JW027101A</t>
  </si>
  <si>
    <t>JW027103S</t>
  </si>
  <si>
    <t>JW027105S</t>
  </si>
  <si>
    <t>JW027106A</t>
  </si>
  <si>
    <t>JW028101A</t>
  </si>
  <si>
    <t>JW032201A</t>
  </si>
  <si>
    <t>JW032202A</t>
  </si>
  <si>
    <t>JW032203A</t>
  </si>
  <si>
    <t>JW032204A</t>
  </si>
  <si>
    <t>JW032206A</t>
  </si>
  <si>
    <t>JW032207S</t>
  </si>
  <si>
    <t>JW032208A</t>
  </si>
  <si>
    <t>JW032209A</t>
  </si>
  <si>
    <t>JW032210A</t>
  </si>
  <si>
    <t>JW032211S</t>
  </si>
  <si>
    <t>JW032212A</t>
  </si>
  <si>
    <t>JW032214S</t>
  </si>
  <si>
    <t>JW032215A</t>
  </si>
  <si>
    <t>JW032216A</t>
  </si>
  <si>
    <t>JW032301A</t>
  </si>
  <si>
    <t>JW032302A</t>
  </si>
  <si>
    <t>JW032303A</t>
  </si>
  <si>
    <t>JW032401S</t>
  </si>
  <si>
    <t>JW032402S</t>
  </si>
  <si>
    <t>JW040602S</t>
  </si>
  <si>
    <t>JW040701S</t>
  </si>
  <si>
    <t>JW111101S</t>
  </si>
  <si>
    <t>JW111102S</t>
  </si>
  <si>
    <t>JW131001S</t>
  </si>
  <si>
    <t>JW131002S</t>
  </si>
  <si>
    <t>窓・防災ガラス窓
型番検索用</t>
    <rPh sb="0" eb="1">
      <t>マド</t>
    </rPh>
    <rPh sb="2" eb="4">
      <t>ボウサイ</t>
    </rPh>
    <rPh sb="7" eb="8">
      <t>マド</t>
    </rPh>
    <rPh sb="9" eb="11">
      <t>カタバン</t>
    </rPh>
    <rPh sb="11" eb="14">
      <t>ケンサクヨウ</t>
    </rPh>
    <phoneticPr fontId="46"/>
  </si>
  <si>
    <r>
      <rPr>
        <b/>
        <sz val="8"/>
        <color theme="0"/>
        <rFont val="ＭＳ Ｐゴシック"/>
        <family val="3"/>
        <charset val="128"/>
        <scheme val="minor"/>
      </rPr>
      <t>外窓交換（防火・防風・防犯仕様）</t>
    </r>
    <r>
      <rPr>
        <b/>
        <sz val="10"/>
        <color theme="0"/>
        <rFont val="ＭＳ Ｐゴシック"/>
        <family val="3"/>
        <charset val="128"/>
        <scheme val="minor"/>
      </rPr>
      <t xml:space="preserve">
型番検索用</t>
    </r>
    <phoneticPr fontId="46"/>
  </si>
  <si>
    <t>外窓交換（防火・防風・防犯仕様）S</t>
    <phoneticPr fontId="46"/>
  </si>
  <si>
    <t>JW012005S</t>
  </si>
  <si>
    <t>【防災】ｱﾙｼﾞｵLow-E真空</t>
  </si>
  <si>
    <t>JW012006S</t>
  </si>
  <si>
    <t>【防災】ｱﾙｼﾞｵﾃﾗｽﾄﾞｱLow-E真空</t>
  </si>
  <si>
    <t>【防災】ｱﾙｼﾞｵ勝手口ﾄﾞｱ中無（採風除く）Low-E真空</t>
  </si>
  <si>
    <t>JW012008S</t>
  </si>
  <si>
    <t>【防災】ｱﾙｼﾞｵ勝手口ﾄﾞｱ中付（採風除く）Low-E真空</t>
  </si>
  <si>
    <t>JW012009S</t>
  </si>
  <si>
    <t>【防災】ｱﾙｼﾞｵLow-E(Ar)</t>
  </si>
  <si>
    <t>【防災】ｱﾙｼﾞｵﾃﾗｽﾄﾞｱLow-E(Ar)</t>
  </si>
  <si>
    <t>JW012011S</t>
  </si>
  <si>
    <t>【防災】ｱﾙｼﾞｵ勝手口ﾄﾞｱ中無（採風除く）Low-E(Ar)</t>
  </si>
  <si>
    <t>JW012012S</t>
  </si>
  <si>
    <t>【防災】ｱﾙｼﾞｵ勝手口ﾄﾞｱ中付（採風除く）Low-E(Ar)</t>
  </si>
  <si>
    <t>JW027102A</t>
  </si>
  <si>
    <t>JW029031S</t>
  </si>
  <si>
    <t>【防災】サーモスX Low-E複層（Ar）</t>
  </si>
  <si>
    <t>JW029032S</t>
  </si>
  <si>
    <t>【防災】サーモスX テラスドア Low-E複層（Ar）</t>
  </si>
  <si>
    <t>JW029033S</t>
  </si>
  <si>
    <t>【防災】サーモスX 採風勝手口ドア Low-E複層（Ar）</t>
  </si>
  <si>
    <t>JW029034S</t>
  </si>
  <si>
    <t>【防災】サーモスX 勝手口ドア Low-E複層（Ar）</t>
  </si>
  <si>
    <t>JW029041S</t>
  </si>
  <si>
    <t>【防災】防火戸サーモスX シャッター付引違い窓 Low-E複層（Ar）</t>
  </si>
  <si>
    <t>JW029051S</t>
  </si>
  <si>
    <t>【防災】LW Low-E複層（Ar）</t>
  </si>
  <si>
    <t>JW033111S</t>
  </si>
  <si>
    <t>【防災】ﾏﾄﾞﾘﾓ 樹脂窓 北海道(Ar)</t>
  </si>
  <si>
    <t>JW033112A</t>
  </si>
  <si>
    <t>【防災】ﾏﾄﾞﾘﾓ 樹脂窓 北海道</t>
  </si>
  <si>
    <t>【防災】ﾏﾄﾞﾘﾓ 樹脂窓 北海道(Ar)片開きﾄﾞｱ 全面ｶﾞﾗｽﾀｲﾌﾟ</t>
  </si>
  <si>
    <t>JW033114S</t>
  </si>
  <si>
    <t>【防災】ﾏﾄﾞﾘﾓ 断熱窓 樹脂窓(Ar)</t>
  </si>
  <si>
    <t>JW033115A</t>
  </si>
  <si>
    <t>【防災】ﾏﾄﾞﾘﾓ 断熱窓 樹脂窓</t>
  </si>
  <si>
    <t>JW033116A</t>
  </si>
  <si>
    <t>【防災】ﾏﾄﾞﾘﾓ 断熱窓 戸建用 ｱﾙﾐ樹脂複合窓 外部ｶﾊﾞｰ有(Ar)樹脂ｽﾍﾟｰｻｰ</t>
  </si>
  <si>
    <t>JW033117A</t>
  </si>
  <si>
    <t>【防災】ﾏﾄﾞﾘﾓ 断熱窓 マンション用 ｱﾙﾐ樹脂複合窓 (Ar)樹脂スペーサー</t>
  </si>
  <si>
    <t>【防災】ﾏﾄﾞﾘﾓ 断熱窓 戸建用 ｱﾙﾐ樹脂複合窓 ｴﾋﾟｿｰﾄﾞII NEO-B 外部ｶﾊﾞｰ有(Ar)</t>
  </si>
  <si>
    <t>JW033213S</t>
  </si>
  <si>
    <t>【防災】APW330 ﾂｰｱｸｼｮﾝ窓</t>
  </si>
  <si>
    <t>JW033214S</t>
  </si>
  <si>
    <t>【防災】APW330 ﾂｰｱｸｼｮﾝ窓(Ar)</t>
  </si>
  <si>
    <t>JW033228S</t>
  </si>
  <si>
    <t>【防災】ﾌﾟﾗﾏｰﾄﾞH (Ar)</t>
  </si>
  <si>
    <t>JW033229S</t>
  </si>
  <si>
    <t>【防災】ﾌﾟﾗﾏｰﾄﾞH ﾃﾗｽﾄﾞｱ(Ar)</t>
  </si>
  <si>
    <t>JW033231S</t>
  </si>
  <si>
    <t>【防災】ﾌﾟﾗﾏｰﾄﾞH ﾃﾗｽﾄﾞｱ+FIX連窓(Ar)</t>
  </si>
  <si>
    <t>JW033254S</t>
  </si>
  <si>
    <t>JW033256S</t>
  </si>
  <si>
    <t>【防災】ﾌﾟﾗﾏｰﾄﾞH (Ar)ﾃﾗｽﾄﾞｱ（断熱腰ﾊﾟﾈﾙ仕様除く）</t>
  </si>
  <si>
    <t>JW033257S</t>
  </si>
  <si>
    <t>【防災】APW430</t>
  </si>
  <si>
    <t>JW033258S</t>
  </si>
  <si>
    <t>【防災】APW431</t>
  </si>
  <si>
    <t>JW033259S</t>
  </si>
  <si>
    <t>【防災】APW430+</t>
  </si>
  <si>
    <t>JW033261S</t>
  </si>
  <si>
    <t>【防災】APW431+</t>
  </si>
  <si>
    <t>JW033262S</t>
  </si>
  <si>
    <t>【防災】APW430+(Kr)</t>
  </si>
  <si>
    <t>JW033263S</t>
  </si>
  <si>
    <t>【防災】APW431+(Kr)</t>
  </si>
  <si>
    <t>JW033264S</t>
  </si>
  <si>
    <t>【防災】APW430防火窓</t>
  </si>
  <si>
    <t>JW033265S</t>
  </si>
  <si>
    <t>【防災】APW431防火窓</t>
  </si>
  <si>
    <t>JW033266S</t>
  </si>
  <si>
    <t>【防災】APW431 ﾃﾗｽﾄﾞｱ</t>
  </si>
  <si>
    <t>JW033267S</t>
  </si>
  <si>
    <t>【防災】APW431 勝手口ﾄﾞｱ中桟無</t>
  </si>
  <si>
    <t>JW033268S</t>
  </si>
  <si>
    <t>【防災】APW431+ ﾃﾗｽﾄﾞｱ</t>
  </si>
  <si>
    <t>JW033269S</t>
  </si>
  <si>
    <t>【防災】APW431+ 勝手口ﾄﾞｱ中桟無</t>
  </si>
  <si>
    <t>JW033271S</t>
  </si>
  <si>
    <t>【防災】APW431+(Kr) ﾃﾗｽﾄﾞｱ</t>
  </si>
  <si>
    <t>JW033272S</t>
  </si>
  <si>
    <t>【防災】APW431+(Kr) 勝手口ﾄﾞｱ中桟無</t>
  </si>
  <si>
    <t>JW033315S</t>
  </si>
  <si>
    <t>【防災】APW511　Low-E複層ガラス（日射取得型）（Ar・樹脂SP）</t>
  </si>
  <si>
    <t>JW033318S</t>
  </si>
  <si>
    <t>【防災】APW511　Low-E複層ガラス（日射遮蔽型）（Ar）</t>
  </si>
  <si>
    <t>JW091015S</t>
  </si>
  <si>
    <t>JW091016S</t>
  </si>
  <si>
    <t>JW098400S</t>
  </si>
  <si>
    <t>JW114051S</t>
  </si>
  <si>
    <t>JW114052S</t>
  </si>
  <si>
    <t>JW133001S</t>
  </si>
  <si>
    <t>JW133002S</t>
  </si>
  <si>
    <t>JW133003S</t>
  </si>
  <si>
    <t>JW133004S</t>
  </si>
  <si>
    <t>JW133005S</t>
  </si>
  <si>
    <t>JW133006S</t>
  </si>
  <si>
    <t>JW133007S</t>
  </si>
  <si>
    <t>JW133008S</t>
  </si>
  <si>
    <t>PCM蓄熱シート&lt;2枚入&gt;　HS70107300</t>
  </si>
  <si>
    <t>PCM蓄熱シート&lt;3枚入&gt;　HS70107400</t>
  </si>
  <si>
    <t>JP020002S</t>
  </si>
  <si>
    <t>JT021001</t>
  </si>
  <si>
    <t>JP020003S</t>
  </si>
  <si>
    <t>JT021002</t>
  </si>
  <si>
    <t>JD011201A</t>
  </si>
  <si>
    <t>JP030001A</t>
  </si>
  <si>
    <t>JD011301S</t>
  </si>
  <si>
    <t>JT041000</t>
  </si>
  <si>
    <t>JC011808</t>
  </si>
  <si>
    <t>JW011502A</t>
  </si>
  <si>
    <t>JD020109S</t>
  </si>
  <si>
    <t>JW012007S</t>
  </si>
  <si>
    <t>JP070540A</t>
  </si>
  <si>
    <t>JT082015</t>
  </si>
  <si>
    <t>JW012010S</t>
  </si>
  <si>
    <t>JW024102A</t>
  </si>
  <si>
    <t>JW027104S</t>
  </si>
  <si>
    <t>JP120002A</t>
  </si>
  <si>
    <t>JW033329S</t>
  </si>
  <si>
    <t>【防災】エピソードII NEO たてすべり出し窓・すべり出し窓・FIX窓・内倒し窓・外倒し窓(Ar)</t>
  </si>
  <si>
    <t>JW033331S</t>
  </si>
  <si>
    <t>【防災】エピソードII NEO-R たてすべり出し窓・すべり出し窓・FIX窓(Ar)</t>
  </si>
  <si>
    <t>JW034511S</t>
  </si>
  <si>
    <t>JW034512S</t>
  </si>
  <si>
    <t>JW034513A</t>
  </si>
  <si>
    <t>JW034514S</t>
  </si>
  <si>
    <t>エピソードII NEO 面格子付（Ar・中空層14mm以上）</t>
  </si>
  <si>
    <t>JW034515S</t>
  </si>
  <si>
    <t>エピソードII NEO 面格子付（Ar・日射遮蔽型・中空層13mm以上）</t>
  </si>
  <si>
    <t>JW034516A</t>
  </si>
  <si>
    <t>エピソードII NEO 面格子付（Ar）</t>
  </si>
  <si>
    <t>JW034517A</t>
  </si>
  <si>
    <t>エピソードII NEO 面格子付（乾燥空気・日射遮蔽型）</t>
  </si>
  <si>
    <t>JW034518A</t>
  </si>
  <si>
    <t>エピソードII NEO 面格子付（乾燥空気・日射取得型・中空層13mm以上）</t>
  </si>
  <si>
    <t>JW034519A</t>
  </si>
  <si>
    <t>エピソードII NEO 面格子付（乾燥空気・日射取得型・合わせガラス60mil）</t>
  </si>
  <si>
    <t>JW034521S</t>
  </si>
  <si>
    <t>エピソードII NEO-B シャッター付引違い窓・シャッター付両袖片引き窓（Ar）</t>
  </si>
  <si>
    <t>JW034522S</t>
  </si>
  <si>
    <t>エピソードII NEO-B シャッター付引違い窓・シャッター付両袖片引き窓（乾燥空気・中空層15mm以上）</t>
  </si>
  <si>
    <t>JW034523A</t>
  </si>
  <si>
    <t>エピソードII NEO-B シャッター付引違い窓・シャッター付両袖片引き窓（乾燥空気）</t>
  </si>
  <si>
    <t>JW034524S</t>
  </si>
  <si>
    <t>エピソードII NEO-B 面格子付（Ar）（中空層14mm以上）</t>
  </si>
  <si>
    <t>JW034525S</t>
  </si>
  <si>
    <t>エピソードII NEO-B 面格子付（Ar・日射遮蔽型・中空層13mm以上）</t>
  </si>
  <si>
    <t>JW034526A</t>
  </si>
  <si>
    <t>エピソードII NEO-B 面格子付（Ar）</t>
  </si>
  <si>
    <t>JW034527A</t>
  </si>
  <si>
    <t>エピソードII NEO-B 面格子付（乾燥空気）</t>
  </si>
  <si>
    <t>JW034528A</t>
  </si>
  <si>
    <t>エピソードII NEO-R シャッター付引違い窓（Ar）</t>
  </si>
  <si>
    <t>JW034529A</t>
  </si>
  <si>
    <t>エピソードII NEO-R シャッター付引違い窓（乾燥空気）</t>
  </si>
  <si>
    <t>JW034531A</t>
  </si>
  <si>
    <t>エピソードII 防火窓 GNEO 開き窓テラス（Ar)</t>
  </si>
  <si>
    <t>JW034532S</t>
  </si>
  <si>
    <t>エピソードII 防火窓 GNEO シャッター付引違い窓・シャッター付両袖片引き窓（Ar・中空層14mm以上）</t>
  </si>
  <si>
    <t>JW034533S</t>
  </si>
  <si>
    <t>エピソードII 防火窓 GNEO シャッター付引違い窓・シャッター付両袖片引き窓（Ar・日射遮蔽型・中空層13mm以上）</t>
  </si>
  <si>
    <t>JW034534A</t>
  </si>
  <si>
    <t>エピソード 雨戸付引違い窓（Ar）</t>
  </si>
  <si>
    <t>JW034535A</t>
  </si>
  <si>
    <t>エピソード 雨戸付引違い窓（乾燥空気）</t>
  </si>
  <si>
    <t>実績報告書</t>
    <rPh sb="0" eb="5">
      <t>ジッセキホウコクショ</t>
    </rPh>
    <phoneticPr fontId="6"/>
  </si>
  <si>
    <t>１.補助事業者の氏名又は名称（法人にあっては名称及び代表者の氏名）及び住所</t>
    <rPh sb="2" eb="4">
      <t>ホジョ</t>
    </rPh>
    <rPh sb="4" eb="6">
      <t>ジギョウ</t>
    </rPh>
    <rPh sb="6" eb="7">
      <t>シャ</t>
    </rPh>
    <rPh sb="8" eb="10">
      <t>シメイ</t>
    </rPh>
    <rPh sb="10" eb="11">
      <t>マタ</t>
    </rPh>
    <rPh sb="12" eb="14">
      <t>メイショウ</t>
    </rPh>
    <rPh sb="15" eb="17">
      <t>ホウジン</t>
    </rPh>
    <rPh sb="22" eb="24">
      <t>メイショウ</t>
    </rPh>
    <rPh sb="24" eb="25">
      <t>オヨ</t>
    </rPh>
    <rPh sb="26" eb="29">
      <t>ダイヒョウシャ</t>
    </rPh>
    <rPh sb="30" eb="32">
      <t>シメイ</t>
    </rPh>
    <rPh sb="33" eb="34">
      <t>オヨ</t>
    </rPh>
    <rPh sb="35" eb="37">
      <t>ジュウショ</t>
    </rPh>
    <phoneticPr fontId="6"/>
  </si>
  <si>
    <t>氏名</t>
    <rPh sb="0" eb="2">
      <t>シメイ</t>
    </rPh>
    <phoneticPr fontId="46"/>
  </si>
  <si>
    <t>２.手続代行者の名称及び代表者等名および住所</t>
    <phoneticPr fontId="6"/>
  </si>
  <si>
    <t>３.交付決定番号</t>
    <rPh sb="2" eb="4">
      <t>コウフ</t>
    </rPh>
    <rPh sb="4" eb="6">
      <t>ケッテイ</t>
    </rPh>
    <rPh sb="6" eb="8">
      <t>バンゴウ</t>
    </rPh>
    <phoneticPr fontId="6"/>
  </si>
  <si>
    <t>４.事業完了日</t>
    <phoneticPr fontId="6"/>
  </si>
  <si>
    <t>５.実績報告の補助金の額</t>
    <phoneticPr fontId="6"/>
  </si>
  <si>
    <t>　 実績報告の補助金交付算定額</t>
    <phoneticPr fontId="46"/>
  </si>
  <si>
    <t>　 実績報告の補助金の額</t>
    <phoneticPr fontId="46"/>
  </si>
  <si>
    <t>６.補助事業の実施に係る契約先</t>
    <phoneticPr fontId="46"/>
  </si>
  <si>
    <t>明細書（実績）　【断熱パネル】</t>
    <rPh sb="0" eb="2">
      <t>メイサイ</t>
    </rPh>
    <rPh sb="2" eb="3">
      <t>ショダンネツ</t>
    </rPh>
    <phoneticPr fontId="6"/>
  </si>
  <si>
    <t>明細書（実績）　【潜熱蓄熱建材】</t>
    <rPh sb="0" eb="2">
      <t>メイサイ</t>
    </rPh>
    <rPh sb="2" eb="3">
      <t>ショ</t>
    </rPh>
    <rPh sb="9" eb="11">
      <t>センネツ</t>
    </rPh>
    <rPh sb="11" eb="13">
      <t>チクネツ</t>
    </rPh>
    <rPh sb="13" eb="15">
      <t>ケンザイ</t>
    </rPh>
    <phoneticPr fontId="6"/>
  </si>
  <si>
    <t>明細書（実績）　【断熱材】</t>
    <rPh sb="0" eb="3">
      <t>メイサイショ</t>
    </rPh>
    <rPh sb="4" eb="6">
      <t>ジッセキ</t>
    </rPh>
    <rPh sb="9" eb="11">
      <t>ダンネツ</t>
    </rPh>
    <rPh sb="11" eb="12">
      <t>ザイ</t>
    </rPh>
    <phoneticPr fontId="6"/>
  </si>
  <si>
    <t>…自動入力（リンク含む）</t>
    <rPh sb="1" eb="3">
      <t>ジドウ</t>
    </rPh>
    <rPh sb="3" eb="5">
      <t>ニュウリョク</t>
    </rPh>
    <rPh sb="9" eb="10">
      <t>フク</t>
    </rPh>
    <phoneticPr fontId="6"/>
  </si>
  <si>
    <t>実績報告の補助金の額（Ｇ）
※（Ｅ）又は（Ｆ）のいずれか低い金額</t>
    <rPh sb="0" eb="2">
      <t>ジッセキ</t>
    </rPh>
    <rPh sb="2" eb="4">
      <t>ホウコク</t>
    </rPh>
    <rPh sb="5" eb="8">
      <t>ホジョキン</t>
    </rPh>
    <rPh sb="9" eb="10">
      <t>ガク</t>
    </rPh>
    <rPh sb="18" eb="19">
      <t>マタ</t>
    </rPh>
    <rPh sb="28" eb="29">
      <t>ヒク</t>
    </rPh>
    <rPh sb="30" eb="32">
      <t>キンガク</t>
    </rPh>
    <phoneticPr fontId="6"/>
  </si>
  <si>
    <t>＜補助対象経費＞</t>
    <phoneticPr fontId="6"/>
  </si>
  <si>
    <t>・必ず[税抜]で作成すること。</t>
    <rPh sb="1" eb="2">
      <t>カナラ</t>
    </rPh>
    <rPh sb="4" eb="5">
      <t>ゼイ</t>
    </rPh>
    <rPh sb="5" eb="6">
      <t>ヌ</t>
    </rPh>
    <rPh sb="8" eb="10">
      <t>サクセイ</t>
    </rPh>
    <phoneticPr fontId="6"/>
  </si>
  <si>
    <t>総括表（実績）</t>
    <rPh sb="0" eb="1">
      <t>ソウ</t>
    </rPh>
    <rPh sb="1" eb="2">
      <t>カツ</t>
    </rPh>
    <rPh sb="2" eb="3">
      <t>ヒョウ</t>
    </rPh>
    <phoneticPr fontId="6"/>
  </si>
  <si>
    <t>補助金交付算定額（E）</t>
    <rPh sb="0" eb="3">
      <t>ホジョキン</t>
    </rPh>
    <rPh sb="3" eb="5">
      <t>コウフ</t>
    </rPh>
    <rPh sb="5" eb="7">
      <t>サンテイ</t>
    </rPh>
    <rPh sb="7" eb="8">
      <t>ガク</t>
    </rPh>
    <rPh sb="8" eb="9">
      <t>テイガク</t>
    </rPh>
    <phoneticPr fontId="6"/>
  </si>
  <si>
    <t>…入力欄</t>
    <rPh sb="1" eb="3">
      <t>ニュウリョク</t>
    </rPh>
    <rPh sb="3" eb="4">
      <t>ラン</t>
    </rPh>
    <phoneticPr fontId="6"/>
  </si>
  <si>
    <t>←小数点第2位まで、3位切捨て↓</t>
    <phoneticPr fontId="38"/>
  </si>
  <si>
    <t>-A</t>
    <phoneticPr fontId="46"/>
  </si>
  <si>
    <t>役職名</t>
    <rPh sb="0" eb="3">
      <t>ヤクショクメイ</t>
    </rPh>
    <phoneticPr fontId="46"/>
  </si>
  <si>
    <t>　 補助金交付決定通知書の補助金の額</t>
    <rPh sb="2" eb="5">
      <t>ホジョキン</t>
    </rPh>
    <phoneticPr fontId="46"/>
  </si>
  <si>
    <t xml:space="preserve"> 口座名義人（カタカナで記入）</t>
    <rPh sb="1" eb="3">
      <t>コウザ</t>
    </rPh>
    <rPh sb="3" eb="5">
      <t>メイギ</t>
    </rPh>
    <rPh sb="5" eb="6">
      <t>ジン</t>
    </rPh>
    <rPh sb="12" eb="14">
      <t>キニュウ</t>
    </rPh>
    <phoneticPr fontId="6"/>
  </si>
  <si>
    <t xml:space="preserve"> 口座番号（右詰めで記入）</t>
    <rPh sb="1" eb="3">
      <t>コウザ</t>
    </rPh>
    <rPh sb="3" eb="5">
      <t>バンゴウ</t>
    </rPh>
    <rPh sb="6" eb="8">
      <t>ミギヅメ</t>
    </rPh>
    <rPh sb="10" eb="12">
      <t>キニュウ</t>
    </rPh>
    <phoneticPr fontId="6"/>
  </si>
  <si>
    <t>）</t>
    <phoneticPr fontId="46"/>
  </si>
  <si>
    <t>その他（</t>
    <phoneticPr fontId="46"/>
  </si>
  <si>
    <t>貯蓄</t>
    <rPh sb="0" eb="2">
      <t>チョチク</t>
    </rPh>
    <phoneticPr fontId="46"/>
  </si>
  <si>
    <t>当座</t>
    <rPh sb="0" eb="2">
      <t>トウザ</t>
    </rPh>
    <phoneticPr fontId="46"/>
  </si>
  <si>
    <t>普通</t>
    <rPh sb="0" eb="2">
      <t>フツウ</t>
    </rPh>
    <phoneticPr fontId="46"/>
  </si>
  <si>
    <t xml:space="preserve"> 預金の種類（該当するものに■をつけること）</t>
    <rPh sb="1" eb="3">
      <t>ヨキン</t>
    </rPh>
    <rPh sb="4" eb="6">
      <t>シュルイ</t>
    </rPh>
    <phoneticPr fontId="6"/>
  </si>
  <si>
    <t xml:space="preserve"> 支店名</t>
    <rPh sb="1" eb="3">
      <t>シテン</t>
    </rPh>
    <rPh sb="3" eb="4">
      <t>メイ</t>
    </rPh>
    <phoneticPr fontId="6"/>
  </si>
  <si>
    <t xml:space="preserve"> 支店コード</t>
    <rPh sb="1" eb="3">
      <t>シテン</t>
    </rPh>
    <phoneticPr fontId="6"/>
  </si>
  <si>
    <t xml:space="preserve"> 金融機関名</t>
    <rPh sb="1" eb="3">
      <t>キンユウ</t>
    </rPh>
    <rPh sb="3" eb="5">
      <t>キカン</t>
    </rPh>
    <rPh sb="5" eb="6">
      <t>メイ</t>
    </rPh>
    <phoneticPr fontId="6"/>
  </si>
  <si>
    <t xml:space="preserve"> 金融機関コード</t>
    <rPh sb="1" eb="3">
      <t>キンユウ</t>
    </rPh>
    <rPh sb="3" eb="5">
      <t>キカン</t>
    </rPh>
    <phoneticPr fontId="6"/>
  </si>
  <si>
    <t>４.振込先</t>
    <phoneticPr fontId="6"/>
  </si>
  <si>
    <t>３.精算払請求金額</t>
    <rPh sb="2" eb="4">
      <t>セイサン</t>
    </rPh>
    <rPh sb="4" eb="5">
      <t>バライ</t>
    </rPh>
    <rPh sb="5" eb="7">
      <t>セイキュウ</t>
    </rPh>
    <rPh sb="7" eb="9">
      <t>キンガク</t>
    </rPh>
    <phoneticPr fontId="6"/>
  </si>
  <si>
    <t>２.交付決定番号</t>
    <phoneticPr fontId="6"/>
  </si>
  <si>
    <t>役職名</t>
    <phoneticPr fontId="46"/>
  </si>
  <si>
    <t>精算払請求書</t>
    <rPh sb="0" eb="6">
      <t>セイサンバライセイキュウショ</t>
    </rPh>
    <phoneticPr fontId="6"/>
  </si>
  <si>
    <t>所有者</t>
    <rPh sb="0" eb="3">
      <t>ショユウシャ</t>
    </rPh>
    <phoneticPr fontId="46"/>
  </si>
  <si>
    <t>個人</t>
    <rPh sb="0" eb="2">
      <t>コジン</t>
    </rPh>
    <phoneticPr fontId="6"/>
  </si>
  <si>
    <t>法人</t>
    <rPh sb="0" eb="2">
      <t>ホウジン</t>
    </rPh>
    <phoneticPr fontId="6"/>
  </si>
  <si>
    <t>氏名または
代表者名等</t>
    <rPh sb="0" eb="2">
      <t>シメイ</t>
    </rPh>
    <rPh sb="6" eb="9">
      <t>ダイヒョウシャ</t>
    </rPh>
    <rPh sb="9" eb="10">
      <t>メイ</t>
    </rPh>
    <rPh sb="10" eb="11">
      <t>トウ</t>
    </rPh>
    <phoneticPr fontId="46"/>
  </si>
  <si>
    <t>交付決定日</t>
    <phoneticPr fontId="46"/>
  </si>
  <si>
    <t>工事契約日</t>
    <rPh sb="0" eb="5">
      <t>コウジケイヤクビ</t>
    </rPh>
    <phoneticPr fontId="46"/>
  </si>
  <si>
    <t>-A</t>
    <phoneticPr fontId="46"/>
  </si>
  <si>
    <t>年</t>
    <rPh sb="0" eb="1">
      <t>ネン</t>
    </rPh>
    <phoneticPr fontId="46"/>
  </si>
  <si>
    <t>日</t>
    <rPh sb="0" eb="1">
      <t>ニチ</t>
    </rPh>
    <phoneticPr fontId="46"/>
  </si>
  <si>
    <t>月</t>
    <rPh sb="0" eb="1">
      <t>ツキ</t>
    </rPh>
    <phoneticPr fontId="46"/>
  </si>
  <si>
    <t>JW013001A</t>
  </si>
  <si>
    <t>アルジオ 面格子付引違い窓Low-E</t>
  </si>
  <si>
    <t>JW013002A</t>
  </si>
  <si>
    <t>アルジオ シャッター付引違い窓Low-E</t>
  </si>
  <si>
    <t>アルジオ 面格子付片上げ下げ窓Low-E</t>
  </si>
  <si>
    <t>アルジオ 面格子付引違い窓Low-E(Ar／グリーン・ブロンズ)</t>
  </si>
  <si>
    <t>JW013012S</t>
  </si>
  <si>
    <t>アルジオ シャッター付引違い窓Low-E(Ar／グリーン・ブロンズ)</t>
  </si>
  <si>
    <t>JW013013S</t>
  </si>
  <si>
    <t>アルジオ 面格子付片上げ下げ窓Low-E(Ar／グリーン・ブロンズ)</t>
  </si>
  <si>
    <t>JW013021A</t>
  </si>
  <si>
    <t>アルジオ 面格子付引違い窓Low-E(Ar)</t>
  </si>
  <si>
    <t>JW013022A</t>
  </si>
  <si>
    <t>アルジオ シャッター付引違い窓Low-E(Ar)</t>
  </si>
  <si>
    <t>JW013023A</t>
  </si>
  <si>
    <t>アルジオ 面格子付片上げ下げ窓Low-E(Ar)</t>
  </si>
  <si>
    <t>JW013031S</t>
  </si>
  <si>
    <t>アルジオ 面格子付引違い窓Low-Eトリプル(Kr)</t>
  </si>
  <si>
    <t>JW013032S</t>
  </si>
  <si>
    <t>アルジオ シャッター付引違い窓Low-Eトリプル(Kr)</t>
  </si>
  <si>
    <t>JW013033S</t>
  </si>
  <si>
    <t>アルジオ 面格子付片上げ下げ窓Low-Eトリプル(Kr)</t>
  </si>
  <si>
    <t>JW013041S</t>
  </si>
  <si>
    <t>アルジオ 面格子付引違い窓Low-Eトリプル(Ar)</t>
  </si>
  <si>
    <t>JW013042S</t>
  </si>
  <si>
    <t>アルジオ シャッター付引違い窓Low-Eトリプル(Ar)</t>
  </si>
  <si>
    <t>JW013043S</t>
  </si>
  <si>
    <t>アルジオ 面格子付片上げ下げ窓Low-Eトリプル(Ar)</t>
  </si>
  <si>
    <t>JW013051S</t>
  </si>
  <si>
    <t>アルジオ 面格子付引違い窓Low-E(真空)</t>
  </si>
  <si>
    <t>JW013052S</t>
  </si>
  <si>
    <t>アルジオ シャッター付引違い窓Low-E(真空)</t>
  </si>
  <si>
    <t>JW013053S</t>
  </si>
  <si>
    <t>アルジオ 面格子付片上げ下げ窓Low-E(真空)</t>
  </si>
  <si>
    <t>JW013101A</t>
  </si>
  <si>
    <t>マディオＪ 面格子付引違い窓Low-E(Ar)</t>
  </si>
  <si>
    <t>JW013102A</t>
  </si>
  <si>
    <t>マディオＪ シャッター付引違い窓Low-E(Ar)</t>
  </si>
  <si>
    <t>JW013103A</t>
  </si>
  <si>
    <t>マディオJ 雨戸付引違い窓Low-E(Ar)</t>
  </si>
  <si>
    <t>JW013104A</t>
  </si>
  <si>
    <t>マディオＪ 面格子付片上げ下げ窓Low-E(Ar)</t>
  </si>
  <si>
    <t>JW013105S</t>
  </si>
  <si>
    <t>マディオＪ 面格子付引違い窓Low-E(Ar・ガラス中空層14㎜以上)</t>
  </si>
  <si>
    <t>JW013106S</t>
  </si>
  <si>
    <t>マディオＪ シャッター付引違い窓Low-E(Ar・ガラス中空層14㎜以上)</t>
  </si>
  <si>
    <t>JW013107S</t>
  </si>
  <si>
    <t>マディオJ 雨戸付引違い窓Low-E(Ar・ガラス中空層14㎜以上)</t>
  </si>
  <si>
    <t>JW013108S</t>
  </si>
  <si>
    <t>マディオＪ 面格子付片上げ下げ窓Low-E(Ar・ガラス中空層14㎜以上)</t>
  </si>
  <si>
    <t>JW013201A</t>
  </si>
  <si>
    <t>マディオＭ 面格子付引違い窓Low-E(Ar)</t>
  </si>
  <si>
    <t>JW013202A</t>
  </si>
  <si>
    <t>マディオＭ シャッター付引違い窓Low-E(Ar)</t>
  </si>
  <si>
    <t>JW013203A</t>
  </si>
  <si>
    <t>マディオＭ 雨戸付引違い窓Low-E(Ar)</t>
  </si>
  <si>
    <t>JW024201S</t>
  </si>
  <si>
    <t>サーモスL シャッター付引違い窓(Ar)</t>
  </si>
  <si>
    <t>JW024202S</t>
  </si>
  <si>
    <t>サーモスL シャッター付引違い窓(乾燥空気・中空層15mm以上)</t>
  </si>
  <si>
    <t>JW024203A</t>
  </si>
  <si>
    <t>サーモスL シャッター付引違い窓(乾燥空気)</t>
  </si>
  <si>
    <t>JW024204S</t>
  </si>
  <si>
    <t>サーモスL 雨戸付引違い窓(Ar)</t>
  </si>
  <si>
    <t>JW024205S</t>
  </si>
  <si>
    <t>サーモスL 雨戸付引違い窓(乾燥空気・中空層15mm以上)</t>
  </si>
  <si>
    <t>JW024206A</t>
  </si>
  <si>
    <t>サーモスL 雨戸付引違い窓(乾燥空気)</t>
  </si>
  <si>
    <t>JW024207S</t>
  </si>
  <si>
    <t>JW024208S</t>
  </si>
  <si>
    <t>JW024209A</t>
  </si>
  <si>
    <t>JW024210A</t>
  </si>
  <si>
    <t>JW024211S</t>
  </si>
  <si>
    <t>サーモスIIH シャッター付引違い窓(Ar)</t>
  </si>
  <si>
    <t>JW024212S</t>
  </si>
  <si>
    <t>サーモスIIH シャッター付引違い窓(乾燥空気・中空層15mm以上)</t>
  </si>
  <si>
    <t>JW024213A</t>
  </si>
  <si>
    <t>サーモスIIH シャッター付引違い窓(乾燥空気)</t>
  </si>
  <si>
    <t>JW024214S</t>
  </si>
  <si>
    <t>サーモスIIH 雨戸付引違い窓(Ar)</t>
  </si>
  <si>
    <t>JW024215S</t>
  </si>
  <si>
    <t>サーモスIIH 雨戸付引違い窓(乾燥空気・中空層15mm以上)</t>
  </si>
  <si>
    <t>JW024216A</t>
  </si>
  <si>
    <t>サーモスIIH 雨戸付引違い窓(乾燥空気)</t>
  </si>
  <si>
    <t>JW024217S</t>
  </si>
  <si>
    <t>JW024218S</t>
  </si>
  <si>
    <t>JW024219A</t>
  </si>
  <si>
    <t>JW024220A</t>
  </si>
  <si>
    <t>JW024221A</t>
  </si>
  <si>
    <t>防火戸FG-L 開き窓テラス Low-E(Ar)</t>
  </si>
  <si>
    <t>JW024222A</t>
  </si>
  <si>
    <t>防火戸FG-H 開き窓テラス Low-E(Ar)</t>
  </si>
  <si>
    <t>JW024223S</t>
  </si>
  <si>
    <t>TW シャッター付引違い窓ダブルLow-E三層(Kr)</t>
  </si>
  <si>
    <t>JW024224S</t>
  </si>
  <si>
    <t>TW シャッター付引違い窓ダブルLow-E三層(Ar)</t>
  </si>
  <si>
    <t>JW024225S</t>
  </si>
  <si>
    <t>TW シャッター付引違い窓複層ガラス(Ar)</t>
  </si>
  <si>
    <t>JW024226S</t>
  </si>
  <si>
    <t>JW024227S</t>
  </si>
  <si>
    <t>JW024228S</t>
  </si>
  <si>
    <t>JW024229S</t>
  </si>
  <si>
    <t>TW防火戸 シャッター付引違い窓 ダブルLow-E三層(Kr)</t>
  </si>
  <si>
    <t>JW024230S</t>
  </si>
  <si>
    <t>TW防火戸 シャッター付引違い窓 ダブルLow-E三層(Ar)</t>
  </si>
  <si>
    <t>JW024231S</t>
  </si>
  <si>
    <t>TW防火戸 シャッター付引違い窓 LowE(Ar)</t>
  </si>
  <si>
    <t>JW024232S</t>
  </si>
  <si>
    <t>TW防火戸 LowE(Ar)</t>
  </si>
  <si>
    <t>JW024233S</t>
  </si>
  <si>
    <t>TW防火戸 開き窓テラス Low-E(Ar)</t>
  </si>
  <si>
    <t>JW024234A</t>
  </si>
  <si>
    <t>TW防火戸 採風勝手口ドア Low-E(Ar)</t>
  </si>
  <si>
    <t>JW029071S</t>
  </si>
  <si>
    <t>【防災】PRESEA-H Low-Eグリーン複層（Ar）</t>
  </si>
  <si>
    <t>JW029081A</t>
  </si>
  <si>
    <t>【防災】PRESEA-H RF Low-E複層（Ar）</t>
  </si>
  <si>
    <t>JW029082A</t>
  </si>
  <si>
    <t>【防災】PRESEA-H RF Low-E複層</t>
  </si>
  <si>
    <t>JW029101S</t>
  </si>
  <si>
    <t>【防災】サーモスL 縦すべり出し窓・横すべり出し窓・高所用横すべり出し窓・FIX窓外押縁(Ar)</t>
  </si>
  <si>
    <t>JW029102S</t>
  </si>
  <si>
    <t>【防災】サーモスL FIX窓内押縁(Ar)</t>
  </si>
  <si>
    <t>JW029103S</t>
  </si>
  <si>
    <t>【防災】サーモスII 縦すべり出し窓・横すべり出し窓・高所用横すべり出し窓・FIX窓外押縁(Ar)</t>
  </si>
  <si>
    <t>JW029104S</t>
  </si>
  <si>
    <t>【防災】サーモスII FIX窓内押縁(Ar)</t>
  </si>
  <si>
    <t>JW029105S</t>
  </si>
  <si>
    <t>【防災】ＴＷ ダブルLow-E三層(Kr)</t>
  </si>
  <si>
    <t>JW029106S</t>
  </si>
  <si>
    <t>【防災】ＴＷ テラスドア・勝手口ドア ダブルLow-E三層(Kr)</t>
  </si>
  <si>
    <t>JW029107S</t>
  </si>
  <si>
    <t>【防災】ＴＷ 採風勝手口ドア ダブルLow-E三層(Kr)</t>
  </si>
  <si>
    <t>JW029108S</t>
  </si>
  <si>
    <t>【防災】ＴＷ ダブルLow-E三層(Ar)</t>
  </si>
  <si>
    <t>JW029109S</t>
  </si>
  <si>
    <t>【防災】ＴＷ テラスドア・勝手口ドア ダブルLow-E三層(Ar)</t>
  </si>
  <si>
    <t>JW029110S</t>
  </si>
  <si>
    <t>【防災】ＴＷ Low-E複層(Ar)</t>
  </si>
  <si>
    <t>JW029111S</t>
  </si>
  <si>
    <t>【防災】ＴＷ テラスドア・勝手口ドア Low-E複層(Ar)</t>
  </si>
  <si>
    <t>JW029112S</t>
  </si>
  <si>
    <t>【防災】ＴＷ防火戸 シャッター付引違い窓 ダブルLow-E三層(Kr)</t>
  </si>
  <si>
    <t>JW029113S</t>
  </si>
  <si>
    <t>【防災】ＴＷ防火戸 シャッター付引違い窓 ダブルLow-E三層(Ar)</t>
  </si>
  <si>
    <t>JW029114S</t>
  </si>
  <si>
    <t>【防災】ＴＷ防火戸 シャッター付引違い窓 Low-E複層(Ar)</t>
  </si>
  <si>
    <t>口座名義人</t>
    <rPh sb="0" eb="5">
      <t>コウザメイギニン</t>
    </rPh>
    <phoneticPr fontId="46"/>
  </si>
  <si>
    <t>SFDC登録用
口座名義人</t>
    <rPh sb="4" eb="7">
      <t>トウロクヨウ</t>
    </rPh>
    <rPh sb="8" eb="13">
      <t>コウザメイギニン</t>
    </rPh>
    <phoneticPr fontId="46"/>
  </si>
  <si>
    <t>サーモスL 面格子付(Ar・中空層14mm以上)</t>
  </si>
  <si>
    <t>サーモスL 面格子付(Ar・Low-Eグリーン・中空層13mm以上)</t>
  </si>
  <si>
    <t>サーモスL 面格子付(Ar)</t>
  </si>
  <si>
    <t>サーモスL 面格子付(乾燥空気)</t>
  </si>
  <si>
    <t>サーモスIIH 面格子付(Ar)(中空層14mm以上)</t>
  </si>
  <si>
    <t>サーモスIIH 面格子付(Ar・Low-Eグリーン・中空層13mm以上)</t>
  </si>
  <si>
    <t>サーモスIIH 面格子付(Ar)</t>
  </si>
  <si>
    <t>サーモスIIH 面格子付(乾燥空気)</t>
  </si>
  <si>
    <t>TW 面格子付ダブルLow-E三層(Kr)</t>
  </si>
  <si>
    <t>TW 面格子付ダブルLow-E三層(Ar)</t>
  </si>
  <si>
    <t>TW 面格子付複層ガラス(Ar)</t>
  </si>
  <si>
    <t>JD036201A</t>
  </si>
  <si>
    <t>JW033273S</t>
  </si>
  <si>
    <t>【防災】APW330 (Ar)</t>
  </si>
  <si>
    <t>JW033274S</t>
  </si>
  <si>
    <t>【防災】APW331 (Ar)</t>
  </si>
  <si>
    <t>JW033275S</t>
  </si>
  <si>
    <t>【防災】APW331 テラスドア(Ar)</t>
  </si>
  <si>
    <t>JW033276S</t>
  </si>
  <si>
    <t>【防災】APW331 勝手口ドア中桟無(Ar)</t>
  </si>
  <si>
    <t>JW033277S</t>
  </si>
  <si>
    <t>【防災】APW330 木目仕様(Ar)</t>
  </si>
  <si>
    <t>JW033278S</t>
  </si>
  <si>
    <t>【防災】APW331 木目仕様(Ar)</t>
  </si>
  <si>
    <t>JW033279S</t>
  </si>
  <si>
    <t>【防災】APW331 木目仕様 テラスドア(Ar)</t>
  </si>
  <si>
    <t>JW033280S</t>
  </si>
  <si>
    <t>【防災】APW331 木目仕様 勝手口ドア中桟無(Ar)</t>
  </si>
  <si>
    <t>JW034536A</t>
  </si>
  <si>
    <t>JW034537A</t>
  </si>
  <si>
    <t>エピソードII 防火窓 GNEO フロア納まり片引き戸（Ar)</t>
  </si>
  <si>
    <r>
      <t xml:space="preserve">法人名
</t>
    </r>
    <r>
      <rPr>
        <sz val="8"/>
        <color rgb="FFFF0000"/>
        <rFont val="HGSｺﾞｼｯｸM"/>
        <family val="3"/>
        <charset val="128"/>
      </rPr>
      <t>※個人申請の場合、
記入不要</t>
    </r>
    <rPh sb="0" eb="3">
      <t>ホウジンメイ</t>
    </rPh>
    <rPh sb="5" eb="9">
      <t>コジンシンセイ</t>
    </rPh>
    <rPh sb="10" eb="12">
      <t>バアイ</t>
    </rPh>
    <rPh sb="14" eb="16">
      <t>キニュウ</t>
    </rPh>
    <rPh sb="16" eb="18">
      <t>フヨウ</t>
    </rPh>
    <phoneticPr fontId="46"/>
  </si>
  <si>
    <t>エナジーボードPS　EB-19PP25PV</t>
  </si>
  <si>
    <t>JW034539A</t>
  </si>
  <si>
    <t>APW331 ﾊｲﾌﾞﾘｯﾄﾞｽﾗｲﾃﾞｨﾝｸﾞ ｼｬｯﾀｰ付引違いﾃﾗｽ戸</t>
  </si>
  <si>
    <t>JW034538S</t>
  </si>
  <si>
    <t>APW331 ﾊｲﾌﾞﾘｯﾄﾞｽﾗｲﾃﾞｨﾝｸﾞ ｼｬｯﾀｰ付引違いﾃﾗｽ戸(Ar)</t>
  </si>
  <si>
    <t>JW034540S</t>
  </si>
  <si>
    <t>APW331 ﾊｲﾌﾞﾘｯﾄﾞｽﾗｲﾃﾞｨﾝｸﾞ ｼｬｯﾀｰ付引違いﾃﾗｽ戸(真空ﾄﾘﾌﾟﾙ)</t>
  </si>
  <si>
    <t>JW033332S</t>
  </si>
  <si>
    <t>【防災】APW331 ﾊｲﾌﾞﾘｯﾄﾞｽﾗｲﾃﾞｨﾝｸﾞ (Ar)</t>
  </si>
  <si>
    <t>the wall 無垢/挽き板 Qタイプ（クールジャパン　スクエアタイプ）</t>
  </si>
  <si>
    <t>JD020902S</t>
  </si>
  <si>
    <t>エルムーブ2 一本引き L16型</t>
  </si>
  <si>
    <t>JD020904S</t>
  </si>
  <si>
    <t>エルムーブ2 一本引き L27型</t>
  </si>
  <si>
    <t>JD020912S</t>
  </si>
  <si>
    <t>エルムーブ2防火戸 一本引き L16型</t>
  </si>
  <si>
    <t>JD020911S</t>
  </si>
  <si>
    <t>エルムーブ2防火戸 一本引き L15型</t>
  </si>
  <si>
    <t>JD020901S</t>
  </si>
  <si>
    <t>エルムーブ2 一本引き L15型</t>
  </si>
  <si>
    <t>JD020914S</t>
  </si>
  <si>
    <t>エルムーブ2防火戸 一本引き L27型</t>
  </si>
  <si>
    <t>JD020903S</t>
  </si>
  <si>
    <t>エルムーブ2 一本引き L25型</t>
  </si>
  <si>
    <t>JD020913S</t>
  </si>
  <si>
    <t>エルムーブ2防火戸 一本引き L25型</t>
  </si>
  <si>
    <t>JP111224S</t>
  </si>
  <si>
    <t>旭ファイバーグラス株式会社</t>
  </si>
  <si>
    <t>VIP-Build断熱パネル</t>
  </si>
  <si>
    <t>エピソードII NEO シャッター付引違い窓・シャッター付両袖片引き窓・雨戸付引違い窓（Ar）</t>
  </si>
  <si>
    <t>エピソードII NEO シャッター付引違い窓・シャッター付両袖片引き窓・雨戸付引違い窓（乾燥空気・中空層15mm以上）</t>
  </si>
  <si>
    <t>エピソードII NEO シャッター付引違い窓・シャッター付両袖片引き窓・雨戸付引違い窓（乾燥空気）</t>
  </si>
  <si>
    <t>JW032213S</t>
  </si>
  <si>
    <t>JW033113S</t>
  </si>
  <si>
    <t>JW032205S</t>
  </si>
  <si>
    <t>JW029210A</t>
  </si>
  <si>
    <t>【防災】リプラス専用枠（２３年４月発売）　Ｌｏｗ－Ｅ　複層ガラス　（Ａｒ）　樹脂スペーサー</t>
  </si>
  <si>
    <t>JW029205S</t>
  </si>
  <si>
    <t>【防災】リプラス高断熱汎用枠 ダブルLow-E三層 トリプルガラス（Ar）</t>
  </si>
  <si>
    <t>【防災】リプラス高断熱汎用枠 ダブルLow-E三層 トリプルガラス（Kr）</t>
  </si>
  <si>
    <t>定型様式７
【戸建住宅】</t>
    <rPh sb="0" eb="4">
      <t>テイケイヨウシキ</t>
    </rPh>
    <rPh sb="7" eb="11">
      <t>コダテジュウタク</t>
    </rPh>
    <phoneticPr fontId="46"/>
  </si>
  <si>
    <t>令和５年度 
住宅・建築物需給一体型等省エネルギー投資促進事業費
（次世代省エネ建材の実証支援事業）</t>
    <rPh sb="0" eb="2">
      <t>レイワ</t>
    </rPh>
    <rPh sb="3" eb="5">
      <t>ネンド</t>
    </rPh>
    <phoneticPr fontId="46"/>
  </si>
  <si>
    <t>　経済産業省からの住宅・建築物需給一体型等省エネルギー投資促進事業費交付要綱第３条に基づく国庫補助金に係る補助事業が完了しましたので、住宅・建築物需給一体型等省エネルギー投資促進事業費（次世代省エネ建材の実証支援事業）交付規程第１５条の規定に基づき、下記のとおり報告します。</t>
    <phoneticPr fontId="46"/>
  </si>
  <si>
    <t xml:space="preserve"> 補助事業の実施に係る契約先について、下記内容を確認すること。</t>
    <rPh sb="1" eb="3">
      <t>ホジョ</t>
    </rPh>
    <rPh sb="3" eb="5">
      <t>ジギョウ</t>
    </rPh>
    <rPh sb="6" eb="8">
      <t>ジッシ</t>
    </rPh>
    <rPh sb="9" eb="10">
      <t>カカワ</t>
    </rPh>
    <rPh sb="11" eb="13">
      <t>ケイヤク</t>
    </rPh>
    <rPh sb="13" eb="14">
      <t>サキ</t>
    </rPh>
    <rPh sb="19" eb="21">
      <t>カキ</t>
    </rPh>
    <rPh sb="21" eb="23">
      <t>ナイヨウ</t>
    </rPh>
    <rPh sb="24" eb="26">
      <t>カクニン</t>
    </rPh>
    <phoneticPr fontId="1"/>
  </si>
  <si>
    <t>当該補助事業において、補助事業の一部を第三者に請け負わせ、又は委託し、若しくは共同して実施する体制が何重であっても、住宅・建築物需給一体型等省エネルギー投資促進事業費（次世代省エネ建材の実証支援事業）交付規程（改正２０２３年４月３日ＳＩＩ-ＢＢＡ２３０-０３-０００００１-Ｒ）第１０条を満たすことを確認しています。</t>
    <rPh sb="105" eb="107">
      <t>カイセイ</t>
    </rPh>
    <phoneticPr fontId="46"/>
  </si>
  <si>
    <t>上記メールアドレスに間違いがないか再度ご確認ください。
ご確認後チェックを入れてください。→</t>
    <rPh sb="0" eb="2">
      <t>ジョウキ</t>
    </rPh>
    <rPh sb="17" eb="19">
      <t>サイド</t>
    </rPh>
    <rPh sb="29" eb="31">
      <t>カクニン</t>
    </rPh>
    <rPh sb="34" eb="35">
      <t>イ</t>
    </rPh>
    <phoneticPr fontId="46"/>
  </si>
  <si>
    <r>
      <rPr>
        <sz val="11"/>
        <rFont val="HGSｺﾞｼｯｸM"/>
        <family val="3"/>
        <charset val="128"/>
      </rPr>
      <t>緊急連絡先
（携帯等</t>
    </r>
    <r>
      <rPr>
        <sz val="12"/>
        <rFont val="HGSｺﾞｼｯｸM"/>
        <family val="3"/>
        <charset val="128"/>
      </rPr>
      <t>）</t>
    </r>
    <rPh sb="0" eb="2">
      <t>キンキュウ</t>
    </rPh>
    <rPh sb="2" eb="5">
      <t>レンラクサキ</t>
    </rPh>
    <rPh sb="7" eb="9">
      <t>ケイタイ</t>
    </rPh>
    <rPh sb="9" eb="10">
      <t>ナド</t>
    </rPh>
    <phoneticPr fontId="6"/>
  </si>
  <si>
    <t>上記メールアドレスに間違いがないか再度ご確認ください。
ご確認後チェックを入れてください。→</t>
    <rPh sb="0" eb="2">
      <t>ジョウキ</t>
    </rPh>
    <rPh sb="10" eb="12">
      <t>マチガ</t>
    </rPh>
    <rPh sb="17" eb="19">
      <t>サイド</t>
    </rPh>
    <rPh sb="20" eb="22">
      <t>カクニン</t>
    </rPh>
    <rPh sb="29" eb="31">
      <t>カクニン</t>
    </rPh>
    <rPh sb="31" eb="32">
      <t>ゴ</t>
    </rPh>
    <rPh sb="37" eb="38">
      <t>イ</t>
    </rPh>
    <phoneticPr fontId="46"/>
  </si>
  <si>
    <t>SII-BBA230-03-</t>
    <phoneticPr fontId="46"/>
  </si>
  <si>
    <t>【戸建】定型様式８</t>
    <rPh sb="1" eb="3">
      <t>コダテ</t>
    </rPh>
    <phoneticPr fontId="6"/>
  </si>
  <si>
    <t>明細書　【窓(防火・防風・防犯仕様)・玄関ドア】</t>
    <rPh sb="5" eb="6">
      <t>マド</t>
    </rPh>
    <rPh sb="7" eb="9">
      <t>ボウカ</t>
    </rPh>
    <rPh sb="10" eb="12">
      <t>ボウフウ</t>
    </rPh>
    <rPh sb="13" eb="17">
      <t>ボウハンシヨウ</t>
    </rPh>
    <rPh sb="19" eb="21">
      <t>ゲンカン</t>
    </rPh>
    <phoneticPr fontId="46"/>
  </si>
  <si>
    <t>外窓交換</t>
    <rPh sb="0" eb="4">
      <t>ソトマドコウカン</t>
    </rPh>
    <phoneticPr fontId="46"/>
  </si>
  <si>
    <t>窓(防火・防風・防犯仕様)の補助対象経費合計</t>
    <rPh sb="0" eb="1">
      <t>マド</t>
    </rPh>
    <rPh sb="2" eb="4">
      <t>ボウカ</t>
    </rPh>
    <rPh sb="5" eb="7">
      <t>ボウフウ</t>
    </rPh>
    <rPh sb="8" eb="10">
      <t>ボウハン</t>
    </rPh>
    <rPh sb="10" eb="12">
      <t>シヨウ</t>
    </rPh>
    <phoneticPr fontId="46"/>
  </si>
  <si>
    <t>数量</t>
    <rPh sb="0" eb="2">
      <t>スウリョウ</t>
    </rPh>
    <phoneticPr fontId="6"/>
  </si>
  <si>
    <t>No.</t>
    <phoneticPr fontId="6"/>
  </si>
  <si>
    <t>S</t>
    <phoneticPr fontId="6"/>
  </si>
  <si>
    <t>A</t>
    <phoneticPr fontId="6"/>
  </si>
  <si>
    <t>◆使用した複層ガラスの中空層の厚さが、SIIホームページの最小中空層厚さ以上であるか必ずご確認ください。
※上記の要件を満たしていない場合、補助対象外となりますのでご注意ください。</t>
    <phoneticPr fontId="46"/>
  </si>
  <si>
    <t>明細書（実績）　【調湿建材】</t>
    <rPh sb="9" eb="11">
      <t>チョウシツ</t>
    </rPh>
    <rPh sb="11" eb="13">
      <t>ケンザイ</t>
    </rPh>
    <phoneticPr fontId="46"/>
  </si>
  <si>
    <t>【戸建】定型様式９</t>
    <rPh sb="1" eb="3">
      <t>コダテ</t>
    </rPh>
    <phoneticPr fontId="6"/>
  </si>
  <si>
    <t>　＜補助対象経費の算出＞を基に、製品ごとの補助対象経費の合計を下表に記入すること。</t>
    <phoneticPr fontId="6"/>
  </si>
  <si>
    <t>・窓(防火・防風・防犯仕様）、玄関ドア、断熱パネル、断熱材、調湿建材は導入明細書にある</t>
    <rPh sb="15" eb="17">
      <t>ゲンカン</t>
    </rPh>
    <rPh sb="20" eb="22">
      <t>ダンネツ</t>
    </rPh>
    <rPh sb="26" eb="29">
      <t>ダンネツザイ</t>
    </rPh>
    <rPh sb="30" eb="32">
      <t>チョウシツ</t>
    </rPh>
    <rPh sb="32" eb="34">
      <t>ケンザイ</t>
    </rPh>
    <phoneticPr fontId="6"/>
  </si>
  <si>
    <t>【定型様式７　実績報告書】の「５.実績報告の補助金の額」に転記されます。↓</t>
    <rPh sb="1" eb="5">
      <t>テイケイヨウシキ</t>
    </rPh>
    <rPh sb="7" eb="9">
      <t>ジッセキ</t>
    </rPh>
    <rPh sb="9" eb="11">
      <t>ホウコク</t>
    </rPh>
    <rPh sb="27" eb="28">
      <t>テイガク</t>
    </rPh>
    <rPh sb="29" eb="31">
      <t>テンキ</t>
    </rPh>
    <phoneticPr fontId="6"/>
  </si>
  <si>
    <t>窓(防火・防風・防犯仕様）</t>
    <rPh sb="0" eb="1">
      <t>マド</t>
    </rPh>
    <rPh sb="2" eb="4">
      <t>ボウカ</t>
    </rPh>
    <rPh sb="5" eb="7">
      <t>ボウフウ</t>
    </rPh>
    <rPh sb="8" eb="10">
      <t>ボウハン</t>
    </rPh>
    <rPh sb="10" eb="12">
      <t>シヨウ</t>
    </rPh>
    <phoneticPr fontId="6"/>
  </si>
  <si>
    <t>交付決定通知書の補助金の額（Ｆ）</t>
    <rPh sb="0" eb="2">
      <t>コウフ</t>
    </rPh>
    <rPh sb="2" eb="4">
      <t>ケッテイ</t>
    </rPh>
    <rPh sb="4" eb="7">
      <t>ツウチショ</t>
    </rPh>
    <rPh sb="8" eb="11">
      <t>ホジョキン</t>
    </rPh>
    <rPh sb="12" eb="13">
      <t>ガク</t>
    </rPh>
    <phoneticPr fontId="6"/>
  </si>
  <si>
    <t>定型様式１５</t>
    <rPh sb="0" eb="4">
      <t>テイケイヨウシキ</t>
    </rPh>
    <phoneticPr fontId="46"/>
  </si>
  <si>
    <t>　経済産業省からの住宅・建築物需給一体型等省エネルギー投資促進事業費交付要綱第３条に基づく国庫補助金を受けたいので、住宅・建築物需給一体型等省エネルギー投資促進事業費（次世代省エネ建材の実証支援事業）交付規程第１８条第２項の規定に基づき、下記のとおり請求します。</t>
    <phoneticPr fontId="46"/>
  </si>
  <si>
    <t>＜補助対象経費の算出＞</t>
    <rPh sb="1" eb="3">
      <t>ホジョ</t>
    </rPh>
    <rPh sb="3" eb="5">
      <t>タイショウ</t>
    </rPh>
    <rPh sb="5" eb="7">
      <t>ケイヒ</t>
    </rPh>
    <rPh sb="8" eb="10">
      <t>サンシュツ</t>
    </rPh>
    <phoneticPr fontId="6"/>
  </si>
  <si>
    <t>ジエスタ２防火戸ｋ２仕様（本体：採光あり）</t>
  </si>
  <si>
    <t>リシェント玄関ドア3 高断熱仕様 17N型（子扉ガラス付組合せ、ポスト付、ランマ付を除く）</t>
  </si>
  <si>
    <t>リシェント玄関ドア3 防火戸断熱k2仕様 M17型（子扉ガラス付組合せ、ポスト付、ランマ付を除く）</t>
  </si>
  <si>
    <t>JD021301S</t>
  </si>
  <si>
    <t>ジエスタ２k２仕様(本体：採光無し)(片開き)</t>
  </si>
  <si>
    <t>玄関ドアXE シームレス仕様</t>
  </si>
  <si>
    <t>JD021002S</t>
  </si>
  <si>
    <t>リジェーロαｋ２仕様(本体：採光あり)(ランマ付を除く)</t>
  </si>
  <si>
    <t>JD021302S</t>
  </si>
  <si>
    <t>ジエスタ２k２仕様(本体：採光無し)(親子(子扉採光無し))</t>
  </si>
  <si>
    <t>JD020502S</t>
  </si>
  <si>
    <t>リシェント玄関ドア3 高断熱仕様(本体：採光あり)(ポスト付、ランマ付を除く)</t>
  </si>
  <si>
    <t>JD021101S</t>
  </si>
  <si>
    <t>外部物置ドアk２仕様</t>
  </si>
  <si>
    <t>JD021001S</t>
  </si>
  <si>
    <t>リジェーロαｋ２仕様(本体：採光無し)</t>
  </si>
  <si>
    <t>JD020303S</t>
  </si>
  <si>
    <t>ジエスタ２防火戸k２仕様(本体：採光無し)(親子(子扉採光無し))</t>
  </si>
  <si>
    <t>JD020304A</t>
  </si>
  <si>
    <t>ジエスタ２防火戸k２仕様(本体：採光無し)(親子(子扉採光あり))</t>
  </si>
  <si>
    <t>JD020402S</t>
  </si>
  <si>
    <t>JD020302S</t>
  </si>
  <si>
    <t>ジエスタ２防火戸k２仕様(本体：採光無し)(片開き)</t>
  </si>
  <si>
    <t>JD020503S</t>
  </si>
  <si>
    <t>リシェント玄関ドア3 ハイグレード仕様 17H型、34H型</t>
  </si>
  <si>
    <t>玄関ドアXE スタンダード仕様</t>
  </si>
  <si>
    <t>JP120004A</t>
  </si>
  <si>
    <t>フェノバボードRG30</t>
  </si>
  <si>
    <t>JP120003A</t>
  </si>
  <si>
    <t>フェノバボードRS30</t>
  </si>
  <si>
    <t>必須製品のみ改修</t>
    <rPh sb="0" eb="2">
      <t>ヒッス</t>
    </rPh>
    <rPh sb="2" eb="4">
      <t>セイヒン</t>
    </rPh>
    <rPh sb="6" eb="8">
      <t>カイシュウ</t>
    </rPh>
    <phoneticPr fontId="46"/>
  </si>
  <si>
    <t>JD011101A</t>
    <phoneticPr fontId="46"/>
  </si>
  <si>
    <t>JC011802</t>
    <phoneticPr fontId="46"/>
  </si>
  <si>
    <t>JC011813</t>
    <phoneticPr fontId="46"/>
  </si>
  <si>
    <t>JC043246</t>
    <phoneticPr fontId="46"/>
  </si>
  <si>
    <t>JC070001</t>
    <phoneticPr fontId="46"/>
  </si>
  <si>
    <t>JC090002</t>
    <phoneticPr fontId="46"/>
  </si>
  <si>
    <t>JD040001S</t>
    <phoneticPr fontId="46"/>
  </si>
  <si>
    <t>JD021201S</t>
    <phoneticPr fontId="46"/>
  </si>
  <si>
    <t>JD021202S</t>
    <phoneticPr fontId="46"/>
  </si>
  <si>
    <t>JP080223A</t>
  </si>
  <si>
    <t>カネライトパネルＶ　ＦＸ-40＋合板9</t>
  </si>
  <si>
    <t>JP080220A</t>
  </si>
  <si>
    <t>カネライトパネルＶ　ＦＸ-40＋合板3</t>
  </si>
  <si>
    <t>JP080221A</t>
  </si>
  <si>
    <t>カネライトパネルＶ　ＦＸ-40＋合板4</t>
  </si>
  <si>
    <t>JP080222A</t>
  </si>
  <si>
    <t>カネライトパネルＶ　ＦＸ-40＋合板5.5</t>
  </si>
  <si>
    <t>JP080318A</t>
  </si>
  <si>
    <t>カネライトパネルK　ＦＸ-45＋ケイカル板5</t>
  </si>
  <si>
    <t>JP080316A</t>
  </si>
  <si>
    <t>カネライトパネルK　ＦＸ-40＋ケイカル板8</t>
  </si>
  <si>
    <t>JP080317A</t>
  </si>
  <si>
    <t>カネライトパネルK　ＦＸ-45＋ケイカル板4</t>
  </si>
  <si>
    <t>JP080319A</t>
  </si>
  <si>
    <t>カネライトパネルK　ＦＸ-45＋ケイカル板6</t>
  </si>
  <si>
    <t>JP080228A</t>
  </si>
  <si>
    <t>カネライトパネルＶ　ＦＸ-45＋合板5.5</t>
  </si>
  <si>
    <t>JP080226A</t>
  </si>
  <si>
    <t>カネライトパネルＶ　ＦＸ-45＋合板3</t>
  </si>
  <si>
    <t>JP080229A</t>
  </si>
  <si>
    <t>カネライトパネルＶ　ＦＸ-45＋合板9</t>
  </si>
  <si>
    <t>JP080227A</t>
  </si>
  <si>
    <t>カネライトパネルＶ　ＦＸ-45＋合板4</t>
  </si>
  <si>
    <t>JP080230A</t>
  </si>
  <si>
    <t>カネライトパネルＶ　ＦＸ-45＋合板12</t>
  </si>
  <si>
    <t>JP080236A</t>
  </si>
  <si>
    <t>カネライトパネルＶ　ＦＸ-50＋合板12</t>
  </si>
  <si>
    <t>JP080313A</t>
  </si>
  <si>
    <t>カネライトパネルK　ＦＸ-40＋ケイカル板4</t>
  </si>
  <si>
    <t>JP080234A</t>
  </si>
  <si>
    <t>カネライトパネルＶ　ＦＸ-50＋合板5.5</t>
  </si>
  <si>
    <t>JP080233A</t>
  </si>
  <si>
    <t>カネライトパネルＶ　ＦＸ-50＋合板4</t>
  </si>
  <si>
    <t>JP080314A</t>
  </si>
  <si>
    <t>カネライトパネルK　ＦＸ-40＋ケイカル板5</t>
  </si>
  <si>
    <t>JP080315A</t>
  </si>
  <si>
    <t>カネライトパネルK　ＦＸ-40＋ケイカル板6</t>
  </si>
  <si>
    <t>JP080235A</t>
  </si>
  <si>
    <t>カネライトパネルＶ　ＦＸ-50＋合板9</t>
  </si>
  <si>
    <t>JP080232A</t>
  </si>
  <si>
    <t>カネライトパネルＶ　ＦＸ-50＋合板3</t>
  </si>
  <si>
    <t>JP080323A</t>
  </si>
  <si>
    <t>カネライトパネルK　ＦＸ-50＋ケイカル板6</t>
  </si>
  <si>
    <t>JP080321A</t>
  </si>
  <si>
    <t>カネライトパネルK　ＦＸ-50＋ケイカル板4</t>
  </si>
  <si>
    <t>JP080324A</t>
  </si>
  <si>
    <t>カネライトパネルK　ＦＸ-50＋ケイカル板8</t>
  </si>
  <si>
    <t>JP080320A</t>
  </si>
  <si>
    <t>カネライトパネルK　ＦＸ-45＋ケイカル板8</t>
  </si>
  <si>
    <t>JP080322A</t>
  </si>
  <si>
    <t>カネライトパネルK　ＦＸ-50＋ケイカル板5</t>
  </si>
  <si>
    <t>JP080231A</t>
  </si>
  <si>
    <t>カネライトパネルＶ　ＦＸ-50＋合板2.5</t>
  </si>
  <si>
    <t>JP080224A</t>
  </si>
  <si>
    <t>カネライトパネルＶ　ＦＸ-40＋合板12</t>
  </si>
  <si>
    <t>JP080225A</t>
  </si>
  <si>
    <t>カネライトパネルＶ　ＦＸ-45＋合板2.5</t>
  </si>
  <si>
    <t>JP080219A</t>
  </si>
  <si>
    <t>カネライトパネルＶ　ＦＸ-40＋合板2.5</t>
  </si>
  <si>
    <t>JW011501A</t>
  </si>
  <si>
    <t>JW013003A</t>
  </si>
  <si>
    <t>JW013011S</t>
  </si>
  <si>
    <t>JW029201S</t>
  </si>
  <si>
    <t>【防災】リプラス高断熱汎用枠 ダブルLow-E三層（Ar）</t>
  </si>
  <si>
    <t>JW029202A</t>
  </si>
  <si>
    <t>【防災】リプラス高断熱汎用枠 Low-E三層（Ar）</t>
  </si>
  <si>
    <t>JW029203S</t>
  </si>
  <si>
    <t>【防災】リプラス高断熱汎用枠 ダブルLow-E三層（Kr）</t>
  </si>
  <si>
    <t>JW029204A</t>
  </si>
  <si>
    <t>【防災】リプラス高断熱汎用枠 Low-E三層（Kr）</t>
  </si>
  <si>
    <t>JW033118A</t>
  </si>
  <si>
    <t>JW040802S</t>
  </si>
  <si>
    <t>JW091014S</t>
  </si>
  <si>
    <t>JW029207S</t>
  </si>
  <si>
    <t>JW029211A</t>
  </si>
  <si>
    <t>【防災】リプラス専用枠（２３年４月発売）ブリッジ枠 Low-E 複層ガラス（Ar）樹脂スペーサー</t>
  </si>
  <si>
    <t>JT017300</t>
  </si>
  <si>
    <t>JH013620</t>
  </si>
  <si>
    <t>JT017400</t>
  </si>
  <si>
    <t>JT021003</t>
  </si>
  <si>
    <t>JH040021</t>
  </si>
  <si>
    <t>JT041004</t>
  </si>
  <si>
    <t>JH070022</t>
  </si>
  <si>
    <t>JT041005</t>
  </si>
  <si>
    <t>PCM-G20-3</t>
  </si>
  <si>
    <t>JT041006</t>
  </si>
  <si>
    <t>PCM-G20-5</t>
  </si>
  <si>
    <t>JT041007</t>
  </si>
  <si>
    <t>PCM-G20-12</t>
  </si>
  <si>
    <t>JH090001</t>
  </si>
  <si>
    <t>JH110011</t>
  </si>
  <si>
    <t>JH130001</t>
  </si>
  <si>
    <t>株式会社ＦＰコーポレーション</t>
  </si>
  <si>
    <t>ASQボード45</t>
  </si>
  <si>
    <t>JT081925</t>
  </si>
  <si>
    <t>JT110002</t>
  </si>
  <si>
    <t>パッサーモシート SK25　（1mm2枚重ね合わせ)</t>
  </si>
  <si>
    <t>更新日：2023/11/28</t>
    <phoneticPr fontId="46"/>
  </si>
  <si>
    <t>JH130002</t>
  </si>
  <si>
    <t>ラクティーC45</t>
  </si>
  <si>
    <t>JH130004</t>
  </si>
  <si>
    <t>ラクティーC105</t>
  </si>
  <si>
    <t>JH130006</t>
  </si>
  <si>
    <t>ラクティーGp110</t>
  </si>
  <si>
    <t>JH130005</t>
  </si>
  <si>
    <t>ラクティーGp100</t>
  </si>
  <si>
    <t>JH130003</t>
  </si>
  <si>
    <t>ラクティーC7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00_ "/>
    <numFmt numFmtId="178" formatCode="#,##0.00_ ;[Red]\-#,##0.00\ "/>
    <numFmt numFmtId="179" formatCode="#,##0_ ;[Red]\-#,##0\ "/>
    <numFmt numFmtId="180" formatCode="0_);[Red]\(0\)"/>
    <numFmt numFmtId="181" formatCode="0_ "/>
    <numFmt numFmtId="182" formatCode="#,##0.0_ ;[Red]\-#,##0.0\ "/>
    <numFmt numFmtId="183" formatCode="0.00_ ;[Red]\-0.00\ "/>
  </numFmts>
  <fonts count="126" x14ac:knownFonts="1">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indexed="8"/>
      <name val="ＭＳ Ｐゴシック"/>
      <family val="3"/>
      <charset val="128"/>
    </font>
    <font>
      <sz val="6"/>
      <name val="ＭＳ Ｐゴシック"/>
      <family val="3"/>
      <charset val="128"/>
    </font>
    <font>
      <sz val="11"/>
      <name val="ＭＳ Ｐゴシック"/>
      <family val="3"/>
      <charset val="128"/>
    </font>
    <font>
      <sz val="13"/>
      <name val="ＭＳ Ｐゴシック"/>
      <family val="3"/>
      <charset val="128"/>
    </font>
    <font>
      <b/>
      <sz val="18"/>
      <name val="ＭＳ Ｐゴシック"/>
      <family val="3"/>
      <charset val="128"/>
    </font>
    <font>
      <sz val="12"/>
      <name val="ＭＳ Ｐゴシック"/>
      <family val="3"/>
      <charset val="128"/>
    </font>
    <font>
      <sz val="10"/>
      <name val="ＭＳ Ｐゴシック"/>
      <family val="3"/>
      <charset val="128"/>
    </font>
    <font>
      <u/>
      <sz val="18"/>
      <name val="ＭＳ Ｐゴシック"/>
      <family val="3"/>
      <charset val="128"/>
    </font>
    <font>
      <b/>
      <sz val="16"/>
      <name val="ＭＳ Ｐゴシック"/>
      <family val="3"/>
      <charset val="128"/>
    </font>
    <font>
      <sz val="16"/>
      <name val="ＭＳ Ｐゴシック"/>
      <family val="3"/>
      <charset val="128"/>
    </font>
    <font>
      <sz val="14"/>
      <name val="ＭＳ Ｐゴシック"/>
      <family val="3"/>
      <charset val="128"/>
    </font>
    <font>
      <u/>
      <sz val="11"/>
      <color indexed="12"/>
      <name val="ＭＳ Ｐゴシック"/>
      <family val="3"/>
      <charset val="128"/>
    </font>
    <font>
      <b/>
      <sz val="14"/>
      <name val="ＭＳ Ｐゴシック"/>
      <family val="3"/>
      <charset val="128"/>
    </font>
    <font>
      <sz val="14"/>
      <name val="ＭＳ 明朝"/>
      <family val="1"/>
      <charset val="128"/>
    </font>
    <font>
      <sz val="18"/>
      <color indexed="9"/>
      <name val="HGP創英角ｺﾞｼｯｸUB"/>
      <family val="3"/>
      <charset val="128"/>
    </font>
    <font>
      <sz val="18"/>
      <name val="ＭＳ Ｐゴシック"/>
      <family val="3"/>
      <charset val="128"/>
    </font>
    <font>
      <sz val="20"/>
      <name val="ＭＳ Ｐゴシック"/>
      <family val="3"/>
      <charset val="128"/>
    </font>
    <font>
      <sz val="16"/>
      <name val="HGPｺﾞｼｯｸE"/>
      <family val="3"/>
      <charset val="128"/>
    </font>
    <font>
      <b/>
      <sz val="20"/>
      <name val="ＭＳ Ｐゴシック"/>
      <family val="3"/>
      <charset val="128"/>
    </font>
    <font>
      <b/>
      <sz val="11"/>
      <name val="ＭＳ Ｐゴシック"/>
      <family val="3"/>
      <charset val="128"/>
    </font>
    <font>
      <sz val="6"/>
      <name val="ＭＳ Ｐゴシック"/>
      <family val="3"/>
      <charset val="128"/>
    </font>
    <font>
      <sz val="22"/>
      <color indexed="9"/>
      <name val="HGP創英角ｺﾞｼｯｸUB"/>
      <family val="3"/>
      <charset val="128"/>
    </font>
    <font>
      <sz val="22"/>
      <name val="ＭＳ Ｐゴシック"/>
      <family val="3"/>
      <charset val="128"/>
    </font>
    <font>
      <sz val="24"/>
      <name val="ＭＳ Ｐゴシック"/>
      <family val="3"/>
      <charset val="128"/>
    </font>
    <font>
      <sz val="26"/>
      <name val="ＭＳ Ｐゴシック"/>
      <family val="3"/>
      <charset val="128"/>
    </font>
    <font>
      <sz val="10"/>
      <name val="ＭＳ 明朝"/>
      <family val="1"/>
      <charset val="128"/>
    </font>
    <font>
      <sz val="12"/>
      <name val="ＭＳ 明朝"/>
      <family val="1"/>
      <charset val="128"/>
    </font>
    <font>
      <sz val="13"/>
      <name val="ＭＳ 明朝"/>
      <family val="1"/>
      <charset val="128"/>
    </font>
    <font>
      <u/>
      <sz val="12"/>
      <name val="ＭＳ 明朝"/>
      <family val="1"/>
      <charset val="128"/>
    </font>
    <font>
      <sz val="11"/>
      <name val="ＭＳ 明朝"/>
      <family val="1"/>
      <charset val="128"/>
    </font>
    <font>
      <sz val="9"/>
      <name val="ＭＳ 明朝"/>
      <family val="1"/>
      <charset val="128"/>
    </font>
    <font>
      <sz val="24"/>
      <name val="ＭＳ 明朝"/>
      <family val="1"/>
      <charset val="128"/>
    </font>
    <font>
      <b/>
      <sz val="26"/>
      <name val="ＭＳ Ｐゴシック"/>
      <family val="3"/>
      <charset val="128"/>
    </font>
    <font>
      <sz val="6"/>
      <name val="ＭＳ Ｐゴシック"/>
      <family val="3"/>
      <charset val="128"/>
    </font>
    <font>
      <b/>
      <sz val="24"/>
      <name val="ＭＳ Ｐゴシック"/>
      <family val="3"/>
      <charset val="128"/>
    </font>
    <font>
      <sz val="14"/>
      <color indexed="10"/>
      <name val="ＭＳ Ｐゴシック"/>
      <family val="3"/>
      <charset val="128"/>
    </font>
    <font>
      <sz val="18"/>
      <color indexed="10"/>
      <name val="ＭＳ Ｐゴシック"/>
      <family val="3"/>
      <charset val="128"/>
    </font>
    <font>
      <b/>
      <sz val="22"/>
      <name val="ＭＳ Ｐゴシック"/>
      <family val="3"/>
      <charset val="128"/>
    </font>
    <font>
      <sz val="11"/>
      <color theme="1"/>
      <name val="ＭＳ Ｐゴシック"/>
      <family val="3"/>
      <charset val="128"/>
      <scheme val="minor"/>
    </font>
    <font>
      <sz val="14"/>
      <color rgb="FFFF0000"/>
      <name val="ＭＳ Ｐゴシック"/>
      <family val="3"/>
      <charset val="128"/>
    </font>
    <font>
      <sz val="16"/>
      <color rgb="FFFF0000"/>
      <name val="HGP創英角ｺﾞｼｯｸUB"/>
      <family val="3"/>
      <charset val="128"/>
    </font>
    <font>
      <sz val="6"/>
      <name val="ＭＳ Ｐゴシック"/>
      <family val="3"/>
      <charset val="128"/>
      <scheme val="minor"/>
    </font>
    <font>
      <b/>
      <sz val="30"/>
      <name val="ＭＳ Ｐゴシック"/>
      <family val="3"/>
      <charset val="128"/>
    </font>
    <font>
      <sz val="18"/>
      <color theme="1"/>
      <name val="ＭＳ Ｐゴシック"/>
      <family val="3"/>
      <charset val="128"/>
    </font>
    <font>
      <sz val="22"/>
      <color theme="0"/>
      <name val="HGP創英角ｺﾞｼｯｸUB"/>
      <family val="3"/>
      <charset val="128"/>
    </font>
    <font>
      <sz val="30"/>
      <name val="ＭＳ Ｐゴシック"/>
      <family val="3"/>
      <charset val="128"/>
    </font>
    <font>
      <b/>
      <sz val="11"/>
      <color rgb="FFFF0000"/>
      <name val="ＭＳ Ｐゴシック"/>
      <family val="3"/>
      <charset val="128"/>
    </font>
    <font>
      <b/>
      <sz val="12"/>
      <color rgb="FFFF0000"/>
      <name val="ＭＳ Ｐゴシック"/>
      <family val="3"/>
      <charset val="128"/>
    </font>
    <font>
      <sz val="22"/>
      <color theme="1"/>
      <name val="ＭＳ Ｐゴシック"/>
      <family val="3"/>
      <charset val="128"/>
    </font>
    <font>
      <sz val="18"/>
      <color rgb="FFFF0000"/>
      <name val="ＭＳ Ｐゴシック"/>
      <family val="3"/>
      <charset val="128"/>
    </font>
    <font>
      <sz val="16"/>
      <color theme="1"/>
      <name val="ＭＳ Ｐゴシック"/>
      <family val="3"/>
      <charset val="128"/>
    </font>
    <font>
      <sz val="20"/>
      <color theme="1"/>
      <name val="ＭＳ Ｐゴシック"/>
      <family val="3"/>
      <charset val="128"/>
    </font>
    <font>
      <sz val="14"/>
      <color theme="1"/>
      <name val="ＭＳ Ｐゴシック"/>
      <family val="3"/>
      <charset val="128"/>
    </font>
    <font>
      <b/>
      <sz val="26"/>
      <color theme="1"/>
      <name val="ＭＳ Ｐゴシック"/>
      <family val="3"/>
      <charset val="128"/>
    </font>
    <font>
      <sz val="16"/>
      <color indexed="9"/>
      <name val="ＭＳ Ｐゴシック"/>
      <family val="3"/>
      <charset val="128"/>
      <scheme val="minor"/>
    </font>
    <font>
      <b/>
      <sz val="16"/>
      <name val="ＭＳ Ｐゴシック"/>
      <family val="3"/>
      <charset val="128"/>
      <scheme val="minor"/>
    </font>
    <font>
      <sz val="16"/>
      <color theme="1"/>
      <name val="ＭＳ Ｐゴシック"/>
      <family val="3"/>
      <charset val="128"/>
      <scheme val="minor"/>
    </font>
    <font>
      <sz val="12"/>
      <color theme="1"/>
      <name val="ＭＳ Ｐゴシック"/>
      <family val="3"/>
      <charset val="128"/>
      <scheme val="minor"/>
    </font>
    <font>
      <sz val="16"/>
      <name val="ＭＳ Ｐゴシック"/>
      <family val="3"/>
      <charset val="128"/>
      <scheme val="minor"/>
    </font>
    <font>
      <sz val="14"/>
      <color indexed="9"/>
      <name val="ＭＳ Ｐゴシック"/>
      <family val="3"/>
      <charset val="128"/>
      <scheme val="minor"/>
    </font>
    <font>
      <sz val="14"/>
      <color theme="1"/>
      <name val="ＭＳ Ｐゴシック"/>
      <family val="3"/>
      <charset val="128"/>
      <scheme val="minor"/>
    </font>
    <font>
      <sz val="14"/>
      <name val="ＭＳ Ｐゴシック"/>
      <family val="3"/>
      <charset val="128"/>
      <scheme val="minor"/>
    </font>
    <font>
      <sz val="18"/>
      <color theme="3"/>
      <name val="ＭＳ Ｐゴシック"/>
      <family val="2"/>
      <charset val="128"/>
      <scheme val="major"/>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57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sz val="8"/>
      <color rgb="FF4D5156"/>
      <name val="Arial"/>
      <family val="2"/>
    </font>
    <font>
      <sz val="10"/>
      <color theme="1"/>
      <name val="ＭＳ Ｐゴシック"/>
      <family val="3"/>
      <charset val="128"/>
      <scheme val="minor"/>
    </font>
    <font>
      <b/>
      <sz val="18"/>
      <color rgb="FFFF0000"/>
      <name val="ＭＳ Ｐゴシック"/>
      <family val="3"/>
      <charset val="128"/>
    </font>
    <font>
      <b/>
      <sz val="14"/>
      <color rgb="FFFF0000"/>
      <name val="ＭＳ Ｐゴシック"/>
      <family val="3"/>
      <charset val="128"/>
    </font>
    <font>
      <b/>
      <sz val="16"/>
      <color rgb="FFFF0000"/>
      <name val="ＭＳ Ｐゴシック"/>
      <family val="3"/>
      <charset val="128"/>
      <scheme val="minor"/>
    </font>
    <font>
      <b/>
      <sz val="10"/>
      <color theme="1"/>
      <name val="ＭＳ Ｐゴシック"/>
      <family val="3"/>
      <charset val="128"/>
      <scheme val="minor"/>
    </font>
    <font>
      <sz val="13"/>
      <name val="メイリオ"/>
      <family val="3"/>
      <charset val="128"/>
    </font>
    <font>
      <sz val="16"/>
      <name val="メイリオ"/>
      <family val="3"/>
      <charset val="128"/>
    </font>
    <font>
      <sz val="11"/>
      <color theme="1"/>
      <name val="ＭＳ Ｐゴシック"/>
      <family val="3"/>
      <charset val="128"/>
    </font>
    <font>
      <sz val="12"/>
      <color theme="1"/>
      <name val="ＭＳ Ｐゴシック"/>
      <family val="3"/>
      <charset val="128"/>
    </font>
    <font>
      <sz val="12"/>
      <name val="ＭＳ Ｐゴシック"/>
      <family val="3"/>
      <charset val="128"/>
      <scheme val="major"/>
    </font>
    <font>
      <b/>
      <sz val="12"/>
      <name val="ＭＳ Ｐゴシック"/>
      <family val="3"/>
      <charset val="128"/>
      <scheme val="major"/>
    </font>
    <font>
      <b/>
      <sz val="10"/>
      <color theme="0"/>
      <name val="ＭＳ Ｐゴシック"/>
      <family val="3"/>
      <charset val="128"/>
      <scheme val="minor"/>
    </font>
    <font>
      <b/>
      <sz val="8"/>
      <color theme="0"/>
      <name val="ＭＳ Ｐゴシック"/>
      <family val="3"/>
      <charset val="128"/>
      <scheme val="minor"/>
    </font>
    <font>
      <sz val="16"/>
      <color indexed="9"/>
      <name val="HGP創英角ｺﾞｼｯｸUB"/>
      <family val="3"/>
      <charset val="128"/>
    </font>
    <font>
      <b/>
      <sz val="16"/>
      <color rgb="FFFF0000"/>
      <name val="ＭＳ Ｐゴシック"/>
      <family val="3"/>
      <charset val="128"/>
    </font>
    <font>
      <sz val="14"/>
      <color indexed="9"/>
      <name val="HGP創英角ｺﾞｼｯｸUB"/>
      <family val="3"/>
      <charset val="128"/>
    </font>
    <font>
      <u/>
      <sz val="14"/>
      <name val="ＭＳ Ｐゴシック"/>
      <family val="3"/>
      <charset val="128"/>
    </font>
    <font>
      <sz val="11"/>
      <color theme="0"/>
      <name val="ＭＳ Ｐゴシック"/>
      <family val="3"/>
      <charset val="128"/>
    </font>
    <font>
      <sz val="22"/>
      <name val="HGP創英角ｺﾞｼｯｸUB"/>
      <family val="3"/>
      <charset val="128"/>
    </font>
    <font>
      <sz val="11"/>
      <color rgb="FFFF0000"/>
      <name val="ＭＳ Ｐゴシック"/>
      <family val="3"/>
      <charset val="128"/>
    </font>
    <font>
      <sz val="18"/>
      <name val="HGP創英角ｺﾞｼｯｸUB"/>
      <family val="3"/>
      <charset val="128"/>
    </font>
    <font>
      <sz val="16"/>
      <name val="ＭＳ 明朝"/>
      <family val="1"/>
      <charset val="128"/>
    </font>
    <font>
      <sz val="13"/>
      <color rgb="FFFF0000"/>
      <name val="ＭＳ 明朝"/>
      <family val="1"/>
      <charset val="128"/>
    </font>
    <font>
      <sz val="12"/>
      <name val="HGSｺﾞｼｯｸM"/>
      <family val="3"/>
      <charset val="128"/>
    </font>
    <font>
      <sz val="13"/>
      <name val="HGSｺﾞｼｯｸM"/>
      <family val="3"/>
      <charset val="128"/>
    </font>
    <font>
      <sz val="8"/>
      <color rgb="FFFF0000"/>
      <name val="HGSｺﾞｼｯｸM"/>
      <family val="3"/>
      <charset val="128"/>
    </font>
    <font>
      <sz val="16"/>
      <name val="HGSｺﾞｼｯｸM"/>
      <family val="3"/>
      <charset val="128"/>
    </font>
    <font>
      <sz val="24"/>
      <name val="HGSｺﾞｼｯｸM"/>
      <family val="3"/>
      <charset val="128"/>
    </font>
    <font>
      <sz val="10"/>
      <name val="HGSｺﾞｼｯｸM"/>
      <family val="3"/>
      <charset val="128"/>
    </font>
    <font>
      <sz val="11"/>
      <name val="HGSｺﾞｼｯｸM"/>
      <family val="3"/>
      <charset val="128"/>
    </font>
    <font>
      <sz val="14"/>
      <name val="HGSｺﾞｼｯｸM"/>
      <family val="3"/>
      <charset val="128"/>
    </font>
    <font>
      <sz val="22"/>
      <name val="HGSｺﾞｼｯｸM"/>
      <family val="3"/>
      <charset val="128"/>
    </font>
    <font>
      <b/>
      <sz val="14"/>
      <color indexed="10"/>
      <name val="HGSｺﾞｼｯｸM"/>
      <family val="3"/>
      <charset val="128"/>
    </font>
    <font>
      <u/>
      <sz val="12"/>
      <name val="ＭＳ Ｐゴシック"/>
      <family val="3"/>
      <charset val="128"/>
    </font>
    <font>
      <sz val="12"/>
      <color rgb="FFFF0000"/>
      <name val="HGSｺﾞｼｯｸM"/>
      <family val="3"/>
      <charset val="128"/>
    </font>
    <font>
      <b/>
      <sz val="20"/>
      <name val="HGSｺﾞｼｯｸM"/>
      <family val="3"/>
      <charset val="128"/>
    </font>
    <font>
      <sz val="12"/>
      <color rgb="FFFF0000"/>
      <name val="ＭＳ Ｐゴシック"/>
      <family val="3"/>
      <charset val="128"/>
    </font>
    <font>
      <b/>
      <sz val="16"/>
      <color rgb="FF0000FF"/>
      <name val="ＭＳ Ｐゴシック"/>
      <family val="3"/>
      <charset val="128"/>
      <scheme val="minor"/>
    </font>
    <font>
      <sz val="13"/>
      <color rgb="FFFF0000"/>
      <name val="ＭＳ Ｐゴシック"/>
      <family val="3"/>
      <charset val="128"/>
      <scheme val="major"/>
    </font>
    <font>
      <sz val="10"/>
      <name val="ＭＳ Ｐゴシック"/>
      <family val="3"/>
      <charset val="128"/>
      <scheme val="major"/>
    </font>
    <font>
      <b/>
      <sz val="14"/>
      <color rgb="FFFF0000"/>
      <name val="ＭＳ Ｐゴシック"/>
      <family val="3"/>
      <charset val="128"/>
      <scheme val="major"/>
    </font>
    <font>
      <sz val="13"/>
      <name val="ＭＳ Ｐゴシック"/>
      <family val="3"/>
      <charset val="128"/>
      <scheme val="major"/>
    </font>
  </fonts>
  <fills count="51">
    <fill>
      <patternFill patternType="none"/>
    </fill>
    <fill>
      <patternFill patternType="gray125"/>
    </fill>
    <fill>
      <patternFill patternType="solid">
        <fgColor indexed="9"/>
        <bgColor indexed="64"/>
      </patternFill>
    </fill>
    <fill>
      <patternFill patternType="solid">
        <fgColor theme="6" tint="0.59999389629810485"/>
        <bgColor indexed="64"/>
      </patternFill>
    </fill>
    <fill>
      <patternFill patternType="solid">
        <fgColor theme="3" tint="0.79998168889431442"/>
        <bgColor indexed="64"/>
      </patternFill>
    </fill>
    <fill>
      <patternFill patternType="solid">
        <fgColor theme="0"/>
        <bgColor indexed="64"/>
      </patternFill>
    </fill>
    <fill>
      <patternFill patternType="solid">
        <fgColor theme="0" tint="-0.14999847407452621"/>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59999389629810485"/>
        <bgColor indexed="64"/>
      </patternFill>
    </fill>
    <fill>
      <patternFill patternType="solid">
        <fgColor theme="0" tint="-0.249977111117893"/>
        <bgColor indexed="64"/>
      </patternFill>
    </fill>
    <fill>
      <patternFill patternType="solid">
        <fgColor rgb="FFFFCC99"/>
        <bgColor indexed="64"/>
      </patternFill>
    </fill>
    <fill>
      <patternFill patternType="solid">
        <fgColor theme="7" tint="0.59999389629810485"/>
        <bgColor indexed="64"/>
      </patternFill>
    </fill>
    <fill>
      <patternFill patternType="solid">
        <fgColor rgb="FFFFCCCC"/>
        <bgColor indexed="64"/>
      </patternFill>
    </fill>
    <fill>
      <patternFill patternType="solid">
        <fgColor theme="4" tint="0.79998168889431442"/>
        <bgColor indexed="64"/>
      </patternFill>
    </fill>
    <fill>
      <patternFill patternType="solid">
        <fgColor theme="9" tint="0.59999389629810485"/>
        <bgColor indexed="64"/>
      </patternFill>
    </fill>
    <fill>
      <patternFill patternType="solid">
        <fgColor theme="5" tint="0.39997558519241921"/>
        <bgColor indexed="64"/>
      </patternFill>
    </fill>
    <fill>
      <patternFill patternType="solid">
        <fgColor theme="4" tint="-0.499984740745262"/>
        <bgColor indexed="64"/>
      </patternFill>
    </fill>
    <fill>
      <patternFill patternType="solid">
        <fgColor theme="8" tint="0.59999389629810485"/>
        <bgColor indexed="64"/>
      </patternFill>
    </fill>
    <fill>
      <patternFill patternType="solid">
        <fgColor theme="5" tint="-0.249977111117893"/>
        <bgColor indexed="64"/>
      </patternFill>
    </fill>
    <fill>
      <patternFill patternType="solid">
        <fgColor theme="5" tint="0.59999389629810485"/>
        <bgColor indexed="64"/>
      </patternFill>
    </fill>
    <fill>
      <patternFill patternType="solid">
        <fgColor theme="0" tint="-0.499984740745262"/>
        <bgColor indexed="64"/>
      </patternFill>
    </fill>
  </fills>
  <borders count="22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top/>
      <bottom style="hair">
        <color indexed="64"/>
      </bottom>
      <diagonal/>
    </border>
    <border>
      <left/>
      <right/>
      <top style="hair">
        <color indexed="64"/>
      </top>
      <bottom style="hair">
        <color indexed="64"/>
      </bottom>
      <diagonal/>
    </border>
    <border>
      <left/>
      <right/>
      <top style="hair">
        <color indexed="64"/>
      </top>
      <bottom/>
      <diagonal/>
    </border>
    <border>
      <left/>
      <right style="hair">
        <color indexed="64"/>
      </right>
      <top style="double">
        <color indexed="64"/>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top style="double">
        <color indexed="64"/>
      </top>
      <bottom style="hair">
        <color indexed="64"/>
      </bottom>
      <diagonal/>
    </border>
    <border>
      <left/>
      <right/>
      <top/>
      <bottom style="double">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style="hair">
        <color indexed="64"/>
      </left>
      <right/>
      <top/>
      <bottom style="thin">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double">
        <color indexed="64"/>
      </top>
      <bottom style="thin">
        <color indexed="64"/>
      </bottom>
      <diagonal/>
    </border>
    <border>
      <left/>
      <right style="hair">
        <color indexed="64"/>
      </right>
      <top/>
      <bottom style="thin">
        <color indexed="64"/>
      </bottom>
      <diagonal/>
    </border>
    <border>
      <left style="thin">
        <color indexed="64"/>
      </left>
      <right/>
      <top style="thin">
        <color indexed="64"/>
      </top>
      <bottom style="double">
        <color indexed="64"/>
      </bottom>
      <diagonal/>
    </border>
    <border>
      <left/>
      <right style="hair">
        <color indexed="64"/>
      </right>
      <top style="thin">
        <color indexed="64"/>
      </top>
      <bottom style="double">
        <color indexed="64"/>
      </bottom>
      <diagonal/>
    </border>
    <border>
      <left style="thin">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right style="thin">
        <color indexed="64"/>
      </right>
      <top style="double">
        <color indexed="64"/>
      </top>
      <bottom/>
      <diagonal/>
    </border>
    <border>
      <left style="hair">
        <color indexed="64"/>
      </left>
      <right/>
      <top style="thin">
        <color indexed="64"/>
      </top>
      <bottom style="double">
        <color indexed="64"/>
      </bottom>
      <diagonal/>
    </border>
    <border>
      <left/>
      <right style="hair">
        <color indexed="64"/>
      </right>
      <top style="double">
        <color indexed="64"/>
      </top>
      <bottom style="medium">
        <color indexed="64"/>
      </bottom>
      <diagonal/>
    </border>
    <border>
      <left/>
      <right style="hair">
        <color indexed="64"/>
      </right>
      <top style="thin">
        <color indexed="64"/>
      </top>
      <bottom/>
      <diagonal/>
    </border>
    <border>
      <left style="hair">
        <color indexed="64"/>
      </left>
      <right/>
      <top style="double">
        <color indexed="64"/>
      </top>
      <bottom style="medium">
        <color indexed="64"/>
      </bottom>
      <diagonal/>
    </border>
    <border>
      <left style="hair">
        <color indexed="64"/>
      </left>
      <right/>
      <top style="thin">
        <color indexed="64"/>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style="hair">
        <color indexed="64"/>
      </left>
      <right/>
      <top/>
      <bottom style="hair">
        <color indexed="64"/>
      </bottom>
      <diagonal/>
    </border>
    <border>
      <left style="thin">
        <color indexed="64"/>
      </left>
      <right/>
      <top/>
      <bottom style="hair">
        <color indexed="64"/>
      </bottom>
      <diagonal/>
    </border>
    <border>
      <left/>
      <right style="medium">
        <color indexed="64"/>
      </right>
      <top/>
      <bottom style="hair">
        <color indexed="64"/>
      </bottom>
      <diagonal/>
    </border>
    <border>
      <left/>
      <right/>
      <top style="medium">
        <color indexed="64"/>
      </top>
      <bottom style="double">
        <color indexed="64"/>
      </bottom>
      <diagonal/>
    </border>
    <border>
      <left style="hair">
        <color indexed="64"/>
      </left>
      <right/>
      <top style="medium">
        <color indexed="64"/>
      </top>
      <bottom style="double">
        <color indexed="64"/>
      </bottom>
      <diagonal/>
    </border>
    <border>
      <left style="thin">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medium">
        <color indexed="64"/>
      </right>
      <top/>
      <bottom/>
      <diagonal/>
    </border>
    <border>
      <left style="medium">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hair">
        <color indexed="64"/>
      </left>
      <right/>
      <top style="hair">
        <color indexed="64"/>
      </top>
      <bottom/>
      <diagonal/>
    </border>
    <border>
      <left style="thin">
        <color indexed="64"/>
      </left>
      <right/>
      <top style="hair">
        <color indexed="64"/>
      </top>
      <bottom/>
      <diagonal/>
    </border>
    <border>
      <left/>
      <right style="medium">
        <color indexed="64"/>
      </right>
      <top style="hair">
        <color indexed="64"/>
      </top>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hair">
        <color indexed="64"/>
      </right>
      <top style="medium">
        <color indexed="64"/>
      </top>
      <bottom style="double">
        <color indexed="64"/>
      </bottom>
      <diagonal/>
    </border>
    <border>
      <left style="thin">
        <color indexed="64"/>
      </left>
      <right/>
      <top style="double">
        <color indexed="64"/>
      </top>
      <bottom style="hair">
        <color indexed="64"/>
      </bottom>
      <diagonal/>
    </border>
    <border>
      <left style="medium">
        <color indexed="64"/>
      </left>
      <right/>
      <top/>
      <bottom style="double">
        <color indexed="64"/>
      </bottom>
      <diagonal/>
    </border>
    <border>
      <left/>
      <right style="thin">
        <color indexed="64"/>
      </right>
      <top/>
      <bottom style="double">
        <color indexed="64"/>
      </bottom>
      <diagonal/>
    </border>
    <border>
      <left style="medium">
        <color indexed="64"/>
      </left>
      <right/>
      <top style="double">
        <color indexed="64"/>
      </top>
      <bottom/>
      <diagonal/>
    </border>
    <border>
      <left/>
      <right/>
      <top style="double">
        <color indexed="64"/>
      </top>
      <bottom/>
      <diagonal/>
    </border>
    <border>
      <left style="medium">
        <color indexed="64"/>
      </left>
      <right/>
      <top/>
      <bottom/>
      <diagonal/>
    </border>
    <border>
      <left style="medium">
        <color indexed="64"/>
      </left>
      <right/>
      <top/>
      <bottom style="thin">
        <color indexed="64"/>
      </bottom>
      <diagonal/>
    </border>
    <border>
      <left style="hair">
        <color indexed="64"/>
      </left>
      <right/>
      <top style="double">
        <color indexed="64"/>
      </top>
      <bottom style="hair">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bottom/>
      <diagonal/>
    </border>
    <border>
      <left/>
      <right style="hair">
        <color indexed="64"/>
      </right>
      <top/>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diagonal/>
    </border>
    <border>
      <left style="hair">
        <color indexed="64"/>
      </left>
      <right/>
      <top style="medium">
        <color indexed="64"/>
      </top>
      <bottom style="hair">
        <color indexed="64"/>
      </bottom>
      <diagonal/>
    </border>
    <border>
      <left/>
      <right/>
      <top style="medium">
        <color indexed="64"/>
      </top>
      <bottom style="hair">
        <color indexed="64"/>
      </bottom>
      <diagonal/>
    </border>
    <border>
      <left/>
      <right style="hair">
        <color indexed="64"/>
      </right>
      <top style="medium">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double">
        <color indexed="64"/>
      </bottom>
      <diagonal/>
    </border>
    <border>
      <left/>
      <right/>
      <top style="hair">
        <color indexed="64"/>
      </top>
      <bottom style="double">
        <color indexed="64"/>
      </bottom>
      <diagonal/>
    </border>
    <border>
      <left/>
      <right style="hair">
        <color indexed="64"/>
      </right>
      <top style="hair">
        <color indexed="64"/>
      </top>
      <bottom style="double">
        <color indexed="64"/>
      </bottom>
      <diagonal/>
    </border>
    <border>
      <left/>
      <right style="thin">
        <color indexed="64"/>
      </right>
      <top style="double">
        <color indexed="64"/>
      </top>
      <bottom style="hair">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double">
        <color indexed="64"/>
      </left>
      <right/>
      <top style="medium">
        <color indexed="64"/>
      </top>
      <bottom style="medium">
        <color indexed="64"/>
      </bottom>
      <diagonal/>
    </border>
    <border>
      <left style="hair">
        <color indexed="64"/>
      </left>
      <right style="hair">
        <color indexed="64"/>
      </right>
      <top style="hair">
        <color indexed="64"/>
      </top>
      <bottom/>
      <diagonal/>
    </border>
    <border>
      <left style="medium">
        <color indexed="64"/>
      </left>
      <right/>
      <top style="medium">
        <color indexed="64"/>
      </top>
      <bottom style="double">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right style="thin">
        <color indexed="64"/>
      </right>
      <top style="medium">
        <color indexed="64"/>
      </top>
      <bottom style="double">
        <color indexed="64"/>
      </bottom>
      <diagonal/>
    </border>
    <border>
      <left/>
      <right style="medium">
        <color indexed="64"/>
      </right>
      <top style="thin">
        <color indexed="64"/>
      </top>
      <bottom/>
      <diagonal/>
    </border>
    <border>
      <left style="hair">
        <color indexed="64"/>
      </left>
      <right style="hair">
        <color indexed="64"/>
      </right>
      <top/>
      <bottom style="hair">
        <color indexed="64"/>
      </bottom>
      <diagonal/>
    </border>
    <border>
      <left/>
      <right style="hair">
        <color indexed="64"/>
      </right>
      <top/>
      <bottom style="hair">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medium">
        <color indexed="64"/>
      </left>
      <right style="thin">
        <color indexed="64"/>
      </right>
      <top/>
      <bottom style="thin">
        <color indexed="64"/>
      </bottom>
      <diagonal/>
    </border>
    <border>
      <left/>
      <right style="thin">
        <color indexed="64"/>
      </right>
      <top style="hair">
        <color indexed="64"/>
      </top>
      <bottom style="thin">
        <color indexed="64"/>
      </bottom>
      <diagonal/>
    </border>
    <border>
      <left/>
      <right style="medium">
        <color indexed="64"/>
      </right>
      <top style="thin">
        <color indexed="64"/>
      </top>
      <bottom style="hair">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bottom style="medium">
        <color indexed="64"/>
      </bottom>
      <diagonal/>
    </border>
    <border>
      <left/>
      <right style="medium">
        <color indexed="64"/>
      </right>
      <top style="double">
        <color indexed="64"/>
      </top>
      <bottom/>
      <diagonal/>
    </border>
    <border>
      <left style="thin">
        <color indexed="64"/>
      </left>
      <right/>
      <top style="thin">
        <color indexed="64"/>
      </top>
      <bottom style="hair">
        <color indexed="64"/>
      </bottom>
      <diagonal/>
    </border>
    <border>
      <left/>
      <right style="medium">
        <color indexed="64"/>
      </right>
      <top/>
      <bottom style="thin">
        <color indexed="64"/>
      </bottom>
      <diagonal/>
    </border>
    <border>
      <left/>
      <right style="thin">
        <color indexed="64"/>
      </right>
      <top/>
      <bottom style="hair">
        <color indexed="64"/>
      </bottom>
      <diagonal/>
    </border>
    <border>
      <left style="thin">
        <color indexed="64"/>
      </left>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top style="hair">
        <color indexed="64"/>
      </top>
      <bottom style="medium">
        <color auto="1"/>
      </bottom>
      <diagonal/>
    </border>
    <border>
      <left/>
      <right style="thin">
        <color indexed="64"/>
      </right>
      <top style="hair">
        <color indexed="64"/>
      </top>
      <bottom style="medium">
        <color auto="1"/>
      </bottom>
      <diagonal/>
    </border>
    <border>
      <left/>
      <right style="medium">
        <color auto="1"/>
      </right>
      <top/>
      <bottom style="medium">
        <color auto="1"/>
      </bottom>
      <diagonal/>
    </border>
    <border>
      <left style="medium">
        <color auto="1"/>
      </left>
      <right/>
      <top style="hair">
        <color auto="1"/>
      </top>
      <bottom style="medium">
        <color indexed="64"/>
      </bottom>
      <diagonal/>
    </border>
    <border>
      <left style="medium">
        <color indexed="64"/>
      </left>
      <right/>
      <top style="hair">
        <color indexed="64"/>
      </top>
      <bottom style="hair">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style="medium">
        <color indexed="64"/>
      </left>
      <right/>
      <top/>
      <bottom style="hair">
        <color indexed="64"/>
      </bottom>
      <diagonal/>
    </border>
    <border>
      <left/>
      <right style="hair">
        <color indexed="64"/>
      </right>
      <top/>
      <bottom style="medium">
        <color indexed="64"/>
      </bottom>
      <diagonal/>
    </border>
    <border>
      <left style="hair">
        <color indexed="64"/>
      </left>
      <right/>
      <top/>
      <bottom style="medium">
        <color indexed="64"/>
      </bottom>
      <diagonal/>
    </border>
    <border>
      <left style="medium">
        <color indexed="64"/>
      </left>
      <right/>
      <top/>
      <bottom style="medium">
        <color indexed="64"/>
      </bottom>
      <diagonal/>
    </border>
    <border>
      <left style="medium">
        <color indexed="64"/>
      </left>
      <right style="thin">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top style="medium">
        <color indexed="64"/>
      </top>
      <bottom style="hair">
        <color indexed="64"/>
      </bottom>
      <diagonal/>
    </border>
    <border>
      <left style="medium">
        <color indexed="64"/>
      </left>
      <right/>
      <top style="medium">
        <color indexed="64"/>
      </top>
      <bottom style="hair">
        <color indexed="64"/>
      </bottom>
      <diagonal/>
    </border>
    <border>
      <left style="medium">
        <color indexed="64"/>
      </left>
      <right style="hair">
        <color indexed="64"/>
      </right>
      <top/>
      <bottom style="hair">
        <color indexed="64"/>
      </bottom>
      <diagonal/>
    </border>
    <border>
      <left style="hair">
        <color indexed="64"/>
      </left>
      <right style="medium">
        <color auto="1"/>
      </right>
      <top/>
      <bottom style="hair">
        <color indexed="64"/>
      </bottom>
      <diagonal/>
    </border>
    <border>
      <left style="medium">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style="thin">
        <color indexed="64"/>
      </top>
      <bottom style="dotted">
        <color theme="0" tint="-0.24994659260841701"/>
      </bottom>
      <diagonal/>
    </border>
    <border>
      <left style="thin">
        <color indexed="64"/>
      </left>
      <right/>
      <top style="dotted">
        <color theme="0" tint="-0.24994659260841701"/>
      </top>
      <bottom style="hair">
        <color indexed="64"/>
      </bottom>
      <diagonal/>
    </border>
    <border>
      <left/>
      <right/>
      <top style="dotted">
        <color theme="0" tint="-0.24994659260841701"/>
      </top>
      <bottom style="hair">
        <color indexed="64"/>
      </bottom>
      <diagonal/>
    </border>
    <border>
      <left/>
      <right style="dotted">
        <color theme="0" tint="-0.24994659260841701"/>
      </right>
      <top style="dotted">
        <color theme="0" tint="-0.24994659260841701"/>
      </top>
      <bottom style="hair">
        <color indexed="64"/>
      </bottom>
      <diagonal/>
    </border>
    <border>
      <left style="dotted">
        <color theme="0" tint="-0.24994659260841701"/>
      </left>
      <right/>
      <top style="dotted">
        <color theme="0" tint="-0.24994659260841701"/>
      </top>
      <bottom style="hair">
        <color indexed="64"/>
      </bottom>
      <diagonal/>
    </border>
    <border>
      <left style="medium">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dotted">
        <color theme="0" tint="-0.24994659260841701"/>
      </top>
      <bottom style="hair">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hair">
        <color indexed="64"/>
      </top>
      <bottom style="thin">
        <color indexed="64"/>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thin">
        <color indexed="64"/>
      </left>
      <right/>
      <top/>
      <bottom style="dotted">
        <color theme="0" tint="-0.24994659260841701"/>
      </bottom>
      <diagonal/>
    </border>
    <border>
      <left/>
      <right/>
      <top/>
      <bottom style="dotted">
        <color theme="0" tint="-0.24994659260841701"/>
      </bottom>
      <diagonal/>
    </border>
    <border>
      <left/>
      <right/>
      <top/>
      <bottom style="mediumDashDot">
        <color indexed="64"/>
      </bottom>
      <diagonal/>
    </border>
    <border>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hair">
        <color indexed="64"/>
      </left>
      <right/>
      <top style="medium">
        <color indexed="64"/>
      </top>
      <bottom/>
      <diagonal/>
    </border>
    <border>
      <left/>
      <right style="hair">
        <color indexed="64"/>
      </right>
      <top style="medium">
        <color indexed="64"/>
      </top>
      <bottom/>
      <diagonal/>
    </border>
    <border>
      <left/>
      <right style="medium">
        <color indexed="64"/>
      </right>
      <top style="medium">
        <color indexed="64"/>
      </top>
      <bottom/>
      <diagonal/>
    </border>
    <border>
      <left style="medium">
        <color indexed="64"/>
      </left>
      <right style="hair">
        <color indexed="64"/>
      </right>
      <top style="hair">
        <color indexed="64"/>
      </top>
      <bottom style="hair">
        <color indexed="64"/>
      </bottom>
      <diagonal/>
    </border>
    <border>
      <left style="hair">
        <color indexed="64"/>
      </left>
      <right style="medium">
        <color auto="1"/>
      </right>
      <top style="hair">
        <color indexed="64"/>
      </top>
      <bottom style="hair">
        <color indexed="64"/>
      </bottom>
      <diagonal/>
    </border>
    <border>
      <left style="medium">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auto="1"/>
      </right>
      <top/>
      <bottom style="medium">
        <color auto="1"/>
      </bottom>
      <diagonal/>
    </border>
    <border>
      <left style="thin">
        <color indexed="64"/>
      </left>
      <right/>
      <top style="double">
        <color indexed="64"/>
      </top>
      <bottom/>
      <diagonal/>
    </border>
    <border>
      <left style="thin">
        <color indexed="64"/>
      </left>
      <right/>
      <top style="medium">
        <color indexed="64"/>
      </top>
      <bottom/>
      <diagonal/>
    </border>
    <border>
      <left/>
      <right style="hair">
        <color indexed="64"/>
      </right>
      <top/>
      <bottom style="double">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style="hair">
        <color indexed="64"/>
      </right>
      <top style="thin">
        <color indexed="64"/>
      </top>
      <bottom style="medium">
        <color indexed="64"/>
      </bottom>
      <diagonal/>
    </border>
    <border>
      <left style="hair">
        <color indexed="64"/>
      </left>
      <right/>
      <top style="thin">
        <color indexed="64"/>
      </top>
      <bottom style="medium">
        <color auto="1"/>
      </bottom>
      <diagonal/>
    </border>
    <border>
      <left style="medium">
        <color rgb="FFFF0000"/>
      </left>
      <right/>
      <top style="medium">
        <color rgb="FFFF0000"/>
      </top>
      <bottom style="medium">
        <color rgb="FFFF0000"/>
      </bottom>
      <diagonal/>
    </border>
    <border>
      <left/>
      <right/>
      <top style="medium">
        <color rgb="FFFF0000"/>
      </top>
      <bottom style="medium">
        <color rgb="FFFF0000"/>
      </bottom>
      <diagonal/>
    </border>
    <border>
      <left/>
      <right style="hair">
        <color rgb="FFFF0000"/>
      </right>
      <top style="medium">
        <color rgb="FFFF0000"/>
      </top>
      <bottom style="medium">
        <color rgb="FFFF0000"/>
      </bottom>
      <diagonal/>
    </border>
    <border>
      <left/>
      <right style="medium">
        <color rgb="FFFF0000"/>
      </right>
      <top style="medium">
        <color rgb="FFFF0000"/>
      </top>
      <bottom style="medium">
        <color rgb="FFFF0000"/>
      </bottom>
      <diagonal/>
    </border>
  </borders>
  <cellStyleXfs count="142">
    <xf numFmtId="0" fontId="0" fillId="0" borderId="0">
      <alignment vertical="center"/>
    </xf>
    <xf numFmtId="9" fontId="7" fillId="0" borderId="0" applyFont="0" applyFill="0" applyBorder="0" applyAlignment="0" applyProtection="0"/>
    <xf numFmtId="9" fontId="7" fillId="0" borderId="0" applyFont="0" applyFill="0" applyBorder="0" applyAlignment="0" applyProtection="0">
      <alignment vertical="center"/>
    </xf>
    <xf numFmtId="9" fontId="7" fillId="0" borderId="0" applyFont="0" applyFill="0" applyBorder="0" applyAlignment="0" applyProtection="0">
      <alignment vertical="center"/>
    </xf>
    <xf numFmtId="9" fontId="7" fillId="0" borderId="0" applyFont="0" applyFill="0" applyBorder="0" applyAlignment="0" applyProtection="0"/>
    <xf numFmtId="0" fontId="16" fillId="0" borderId="0" applyNumberFormat="0" applyFill="0" applyBorder="0" applyAlignment="0" applyProtection="0">
      <alignment vertical="top"/>
      <protection locked="0"/>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38" fontId="7"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0" fontId="43" fillId="0" borderId="0">
      <alignment vertical="center"/>
    </xf>
    <xf numFmtId="0" fontId="43"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43" fillId="0" borderId="0">
      <alignment vertical="center"/>
    </xf>
    <xf numFmtId="0" fontId="43" fillId="0" borderId="0">
      <alignment vertical="center"/>
    </xf>
    <xf numFmtId="0" fontId="43" fillId="0" borderId="0">
      <alignment vertical="center"/>
    </xf>
    <xf numFmtId="0" fontId="5" fillId="0" borderId="0">
      <alignment vertical="center"/>
    </xf>
    <xf numFmtId="0" fontId="7" fillId="0" borderId="0">
      <alignment vertical="center"/>
    </xf>
    <xf numFmtId="0" fontId="7" fillId="0" borderId="0">
      <alignment vertical="center"/>
    </xf>
    <xf numFmtId="0" fontId="7" fillId="0" borderId="0">
      <alignment vertical="center"/>
    </xf>
    <xf numFmtId="0" fontId="43"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7" fillId="0" borderId="0"/>
    <xf numFmtId="0" fontId="43" fillId="0" borderId="0">
      <alignment vertical="center"/>
    </xf>
    <xf numFmtId="0" fontId="43" fillId="0" borderId="0">
      <alignment vertical="center"/>
    </xf>
    <xf numFmtId="0" fontId="43" fillId="0" borderId="0">
      <alignment vertical="center"/>
    </xf>
    <xf numFmtId="0" fontId="5" fillId="0" borderId="0">
      <alignment vertical="center"/>
    </xf>
    <xf numFmtId="0" fontId="7" fillId="0" borderId="0"/>
    <xf numFmtId="0" fontId="7" fillId="0" borderId="0"/>
    <xf numFmtId="0" fontId="7" fillId="0" borderId="0"/>
    <xf numFmtId="0" fontId="7" fillId="0" borderId="0"/>
    <xf numFmtId="0" fontId="7" fillId="0" borderId="0"/>
    <xf numFmtId="0" fontId="5" fillId="0" borderId="0">
      <alignment vertical="center"/>
    </xf>
    <xf numFmtId="0" fontId="43" fillId="0" borderId="0">
      <alignment vertical="center"/>
    </xf>
    <xf numFmtId="0" fontId="7" fillId="0" borderId="0"/>
    <xf numFmtId="0" fontId="7" fillId="0" borderId="0"/>
    <xf numFmtId="0" fontId="7" fillId="0" borderId="0"/>
    <xf numFmtId="0" fontId="5" fillId="0" borderId="0">
      <alignment vertical="center"/>
    </xf>
    <xf numFmtId="0" fontId="43" fillId="0" borderId="0">
      <alignment vertical="center"/>
    </xf>
    <xf numFmtId="0" fontId="43" fillId="0" borderId="0">
      <alignment vertical="center"/>
    </xf>
    <xf numFmtId="0" fontId="7" fillId="0" borderId="0">
      <alignment vertical="center"/>
    </xf>
    <xf numFmtId="0" fontId="5" fillId="0" borderId="0">
      <alignment vertical="center"/>
    </xf>
    <xf numFmtId="0" fontId="43" fillId="0" borderId="0">
      <alignment vertical="center"/>
    </xf>
    <xf numFmtId="0" fontId="5" fillId="0" borderId="0">
      <alignment vertical="center"/>
    </xf>
    <xf numFmtId="0" fontId="7" fillId="0" borderId="0">
      <alignment vertical="center"/>
    </xf>
    <xf numFmtId="0" fontId="5" fillId="0" borderId="0">
      <alignment vertical="center"/>
    </xf>
    <xf numFmtId="0" fontId="43" fillId="0" borderId="0">
      <alignment vertical="center"/>
    </xf>
    <xf numFmtId="0" fontId="7" fillId="0" borderId="0">
      <alignment vertical="center"/>
    </xf>
    <xf numFmtId="0" fontId="7" fillId="0" borderId="0">
      <alignment vertical="center"/>
    </xf>
    <xf numFmtId="0" fontId="7" fillId="0" borderId="0">
      <alignment vertical="center"/>
    </xf>
    <xf numFmtId="0" fontId="43" fillId="0" borderId="0"/>
    <xf numFmtId="0" fontId="5" fillId="0" borderId="0">
      <alignment vertical="center"/>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0" fontId="7" fillId="0" borderId="0"/>
    <xf numFmtId="38" fontId="43" fillId="0" borderId="0" applyFont="0" applyFill="0" applyBorder="0" applyAlignment="0" applyProtection="0">
      <alignment vertical="center"/>
    </xf>
    <xf numFmtId="0" fontId="67" fillId="0" borderId="0" applyNumberFormat="0" applyFill="0" applyBorder="0" applyAlignment="0" applyProtection="0">
      <alignment vertical="center"/>
    </xf>
    <xf numFmtId="0" fontId="68" fillId="0" borderId="160" applyNumberFormat="0" applyFill="0" applyAlignment="0" applyProtection="0">
      <alignment vertical="center"/>
    </xf>
    <xf numFmtId="0" fontId="69" fillId="0" borderId="161" applyNumberFormat="0" applyFill="0" applyAlignment="0" applyProtection="0">
      <alignment vertical="center"/>
    </xf>
    <xf numFmtId="0" fontId="70" fillId="0" borderId="162" applyNumberFormat="0" applyFill="0" applyAlignment="0" applyProtection="0">
      <alignment vertical="center"/>
    </xf>
    <xf numFmtId="0" fontId="70" fillId="0" borderId="0" applyNumberFormat="0" applyFill="0" applyBorder="0" applyAlignment="0" applyProtection="0">
      <alignment vertical="center"/>
    </xf>
    <xf numFmtId="0" fontId="71" fillId="7" borderId="0" applyNumberFormat="0" applyBorder="0" applyAlignment="0" applyProtection="0">
      <alignment vertical="center"/>
    </xf>
    <xf numFmtId="0" fontId="72" fillId="8" borderId="0" applyNumberFormat="0" applyBorder="0" applyAlignment="0" applyProtection="0">
      <alignment vertical="center"/>
    </xf>
    <xf numFmtId="0" fontId="73" fillId="9" borderId="0" applyNumberFormat="0" applyBorder="0" applyAlignment="0" applyProtection="0">
      <alignment vertical="center"/>
    </xf>
    <xf numFmtId="0" fontId="74" fillId="10" borderId="163" applyNumberFormat="0" applyAlignment="0" applyProtection="0">
      <alignment vertical="center"/>
    </xf>
    <xf numFmtId="0" fontId="75" fillId="11" borderId="164" applyNumberFormat="0" applyAlignment="0" applyProtection="0">
      <alignment vertical="center"/>
    </xf>
    <xf numFmtId="0" fontId="76" fillId="11" borderId="163" applyNumberFormat="0" applyAlignment="0" applyProtection="0">
      <alignment vertical="center"/>
    </xf>
    <xf numFmtId="0" fontId="77" fillId="0" borderId="165" applyNumberFormat="0" applyFill="0" applyAlignment="0" applyProtection="0">
      <alignment vertical="center"/>
    </xf>
    <xf numFmtId="0" fontId="78" fillId="12" borderId="166" applyNumberFormat="0" applyAlignment="0" applyProtection="0">
      <alignment vertical="center"/>
    </xf>
    <xf numFmtId="0" fontId="79" fillId="0" borderId="0" applyNumberFormat="0" applyFill="0" applyBorder="0" applyAlignment="0" applyProtection="0">
      <alignment vertical="center"/>
    </xf>
    <xf numFmtId="0" fontId="80" fillId="0" borderId="0" applyNumberFormat="0" applyFill="0" applyBorder="0" applyAlignment="0" applyProtection="0">
      <alignment vertical="center"/>
    </xf>
    <xf numFmtId="0" fontId="81" fillId="0" borderId="168" applyNumberFormat="0" applyFill="0" applyAlignment="0" applyProtection="0">
      <alignment vertical="center"/>
    </xf>
    <xf numFmtId="0" fontId="82" fillId="14" borderId="0" applyNumberFormat="0" applyBorder="0" applyAlignment="0" applyProtection="0">
      <alignment vertical="center"/>
    </xf>
    <xf numFmtId="0" fontId="4"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82" fillId="18" borderId="0" applyNumberFormat="0" applyBorder="0" applyAlignment="0" applyProtection="0">
      <alignment vertical="center"/>
    </xf>
    <xf numFmtId="0" fontId="4" fillId="19" borderId="0" applyNumberFormat="0" applyBorder="0" applyAlignment="0" applyProtection="0">
      <alignment vertical="center"/>
    </xf>
    <xf numFmtId="0" fontId="4" fillId="20" borderId="0" applyNumberFormat="0" applyBorder="0" applyAlignment="0" applyProtection="0">
      <alignment vertical="center"/>
    </xf>
    <xf numFmtId="0" fontId="4" fillId="21" borderId="0" applyNumberFormat="0" applyBorder="0" applyAlignment="0" applyProtection="0">
      <alignment vertical="center"/>
    </xf>
    <xf numFmtId="0" fontId="82" fillId="22" borderId="0" applyNumberFormat="0" applyBorder="0" applyAlignment="0" applyProtection="0">
      <alignment vertical="center"/>
    </xf>
    <xf numFmtId="0" fontId="4" fillId="23" borderId="0" applyNumberFormat="0" applyBorder="0" applyAlignment="0" applyProtection="0">
      <alignment vertical="center"/>
    </xf>
    <xf numFmtId="0" fontId="4" fillId="24" borderId="0" applyNumberFormat="0" applyBorder="0" applyAlignment="0" applyProtection="0">
      <alignment vertical="center"/>
    </xf>
    <xf numFmtId="0" fontId="4" fillId="25" borderId="0" applyNumberFormat="0" applyBorder="0" applyAlignment="0" applyProtection="0">
      <alignment vertical="center"/>
    </xf>
    <xf numFmtId="0" fontId="82" fillId="26" borderId="0" applyNumberFormat="0" applyBorder="0" applyAlignment="0" applyProtection="0">
      <alignment vertical="center"/>
    </xf>
    <xf numFmtId="0" fontId="4" fillId="27" borderId="0" applyNumberFormat="0" applyBorder="0" applyAlignment="0" applyProtection="0">
      <alignment vertical="center"/>
    </xf>
    <xf numFmtId="0" fontId="4" fillId="28" borderId="0" applyNumberFormat="0" applyBorder="0" applyAlignment="0" applyProtection="0">
      <alignment vertical="center"/>
    </xf>
    <xf numFmtId="0" fontId="4" fillId="29" borderId="0" applyNumberFormat="0" applyBorder="0" applyAlignment="0" applyProtection="0">
      <alignment vertical="center"/>
    </xf>
    <xf numFmtId="0" fontId="82" fillId="30" borderId="0" applyNumberFormat="0" applyBorder="0" applyAlignment="0" applyProtection="0">
      <alignment vertical="center"/>
    </xf>
    <xf numFmtId="0" fontId="4" fillId="31" borderId="0" applyNumberFormat="0" applyBorder="0" applyAlignment="0" applyProtection="0">
      <alignment vertical="center"/>
    </xf>
    <xf numFmtId="0" fontId="4" fillId="32" borderId="0" applyNumberFormat="0" applyBorder="0" applyAlignment="0" applyProtection="0">
      <alignment vertical="center"/>
    </xf>
    <xf numFmtId="0" fontId="4" fillId="33" borderId="0" applyNumberFormat="0" applyBorder="0" applyAlignment="0" applyProtection="0">
      <alignment vertical="center"/>
    </xf>
    <xf numFmtId="0" fontId="82" fillId="34" borderId="0" applyNumberFormat="0" applyBorder="0" applyAlignment="0" applyProtection="0">
      <alignment vertical="center"/>
    </xf>
    <xf numFmtId="0" fontId="4" fillId="35" borderId="0" applyNumberFormat="0" applyBorder="0" applyAlignment="0" applyProtection="0">
      <alignment vertical="center"/>
    </xf>
    <xf numFmtId="0" fontId="4" fillId="36" borderId="0" applyNumberFormat="0" applyBorder="0" applyAlignment="0" applyProtection="0">
      <alignment vertical="center"/>
    </xf>
    <xf numFmtId="0" fontId="4" fillId="37" borderId="0" applyNumberFormat="0" applyBorder="0" applyAlignment="0" applyProtection="0">
      <alignment vertical="center"/>
    </xf>
    <xf numFmtId="0" fontId="4" fillId="0" borderId="0">
      <alignment vertical="center"/>
    </xf>
    <xf numFmtId="0" fontId="4" fillId="0" borderId="0">
      <alignment vertical="center"/>
    </xf>
    <xf numFmtId="0" fontId="4" fillId="13" borderId="167" applyNumberFormat="0" applyFont="0" applyAlignment="0" applyProtection="0">
      <alignment vertical="center"/>
    </xf>
    <xf numFmtId="0" fontId="3" fillId="0" borderId="0">
      <alignment vertical="center"/>
    </xf>
    <xf numFmtId="0" fontId="3" fillId="13" borderId="167" applyNumberFormat="0" applyFont="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9" borderId="0" applyNumberFormat="0" applyBorder="0" applyAlignment="0" applyProtection="0">
      <alignment vertical="center"/>
    </xf>
    <xf numFmtId="0" fontId="3" fillId="20" borderId="0" applyNumberFormat="0" applyBorder="0" applyAlignment="0" applyProtection="0">
      <alignment vertical="center"/>
    </xf>
    <xf numFmtId="0" fontId="3" fillId="21" borderId="0" applyNumberFormat="0" applyBorder="0" applyAlignment="0" applyProtection="0">
      <alignment vertical="center"/>
    </xf>
    <xf numFmtId="0" fontId="3" fillId="23" borderId="0" applyNumberFormat="0" applyBorder="0" applyAlignment="0" applyProtection="0">
      <alignment vertical="center"/>
    </xf>
    <xf numFmtId="0" fontId="3" fillId="24" borderId="0" applyNumberFormat="0" applyBorder="0" applyAlignment="0" applyProtection="0">
      <alignment vertical="center"/>
    </xf>
    <xf numFmtId="0" fontId="3" fillId="25" borderId="0" applyNumberFormat="0" applyBorder="0" applyAlignment="0" applyProtection="0">
      <alignment vertical="center"/>
    </xf>
    <xf numFmtId="0" fontId="3" fillId="27" borderId="0" applyNumberFormat="0" applyBorder="0" applyAlignment="0" applyProtection="0">
      <alignment vertical="center"/>
    </xf>
    <xf numFmtId="0" fontId="3" fillId="28" borderId="0" applyNumberFormat="0" applyBorder="0" applyAlignment="0" applyProtection="0">
      <alignment vertical="center"/>
    </xf>
    <xf numFmtId="0" fontId="3" fillId="29" borderId="0" applyNumberFormat="0" applyBorder="0" applyAlignment="0" applyProtection="0">
      <alignment vertical="center"/>
    </xf>
    <xf numFmtId="0" fontId="3" fillId="31" borderId="0" applyNumberFormat="0" applyBorder="0" applyAlignment="0" applyProtection="0">
      <alignment vertical="center"/>
    </xf>
    <xf numFmtId="0" fontId="3" fillId="32" borderId="0" applyNumberFormat="0" applyBorder="0" applyAlignment="0" applyProtection="0">
      <alignment vertical="center"/>
    </xf>
    <xf numFmtId="0" fontId="3" fillId="33" borderId="0" applyNumberFormat="0" applyBorder="0" applyAlignment="0" applyProtection="0">
      <alignment vertical="center"/>
    </xf>
    <xf numFmtId="0" fontId="3" fillId="35" borderId="0" applyNumberFormat="0" applyBorder="0" applyAlignment="0" applyProtection="0">
      <alignment vertical="center"/>
    </xf>
    <xf numFmtId="0" fontId="3" fillId="36" borderId="0" applyNumberFormat="0" applyBorder="0" applyAlignment="0" applyProtection="0">
      <alignment vertical="center"/>
    </xf>
    <xf numFmtId="0" fontId="3" fillId="37" borderId="0" applyNumberFormat="0" applyBorder="0" applyAlignment="0" applyProtection="0">
      <alignment vertical="center"/>
    </xf>
    <xf numFmtId="0" fontId="2" fillId="0" borderId="0">
      <alignment vertical="center"/>
    </xf>
    <xf numFmtId="38" fontId="43" fillId="0" borderId="0" applyFont="0" applyFill="0" applyBorder="0" applyAlignment="0" applyProtection="0">
      <alignment vertical="center"/>
    </xf>
  </cellStyleXfs>
  <cellXfs count="1415">
    <xf numFmtId="0" fontId="0" fillId="0" borderId="0" xfId="0">
      <alignment vertical="center"/>
    </xf>
    <xf numFmtId="0" fontId="7" fillId="2" borderId="0" xfId="0" applyFont="1" applyFill="1" applyProtection="1">
      <alignment vertical="center"/>
      <protection hidden="1"/>
    </xf>
    <xf numFmtId="0" fontId="7" fillId="2" borderId="0" xfId="0" applyFont="1" applyFill="1" applyAlignment="1" applyProtection="1">
      <alignment horizontal="center" vertical="center"/>
      <protection hidden="1"/>
    </xf>
    <xf numFmtId="38" fontId="7" fillId="2" borderId="0" xfId="6" applyFont="1" applyFill="1" applyProtection="1">
      <alignment vertical="center"/>
      <protection hidden="1"/>
    </xf>
    <xf numFmtId="0" fontId="7" fillId="0" borderId="0" xfId="0" applyFont="1" applyProtection="1">
      <alignment vertical="center"/>
      <protection hidden="1"/>
    </xf>
    <xf numFmtId="38" fontId="7" fillId="2" borderId="0" xfId="6" applyFont="1" applyFill="1" applyBorder="1" applyProtection="1">
      <alignment vertical="center"/>
      <protection hidden="1"/>
    </xf>
    <xf numFmtId="0" fontId="7" fillId="0" borderId="0" xfId="0" applyFont="1" applyAlignment="1" applyProtection="1">
      <alignment horizontal="center" vertical="center"/>
      <protection hidden="1"/>
    </xf>
    <xf numFmtId="38" fontId="7" fillId="0" borderId="0" xfId="6" applyFont="1" applyProtection="1">
      <alignment vertical="center"/>
      <protection hidden="1"/>
    </xf>
    <xf numFmtId="0" fontId="15" fillId="2" borderId="0" xfId="0" applyFont="1" applyFill="1" applyProtection="1">
      <alignment vertical="center"/>
      <protection hidden="1"/>
    </xf>
    <xf numFmtId="0" fontId="9" fillId="2" borderId="0" xfId="0" applyFont="1" applyFill="1" applyAlignment="1" applyProtection="1">
      <alignment horizontal="center" vertical="center" wrapText="1"/>
      <protection hidden="1"/>
    </xf>
    <xf numFmtId="0" fontId="9" fillId="2" borderId="0" xfId="0" applyFont="1" applyFill="1" applyAlignment="1" applyProtection="1">
      <alignment horizontal="center" vertical="center"/>
      <protection hidden="1"/>
    </xf>
    <xf numFmtId="0" fontId="9" fillId="2" borderId="0" xfId="0" applyFont="1" applyFill="1" applyProtection="1">
      <alignment vertical="center"/>
      <protection hidden="1"/>
    </xf>
    <xf numFmtId="0" fontId="7" fillId="2" borderId="0" xfId="0" applyFont="1" applyFill="1" applyAlignment="1" applyProtection="1">
      <alignment vertical="center" wrapText="1"/>
      <protection hidden="1"/>
    </xf>
    <xf numFmtId="0" fontId="8" fillId="0" borderId="0" xfId="0" applyFont="1" applyAlignment="1" applyProtection="1">
      <alignment horizontal="right" vertical="center"/>
      <protection hidden="1"/>
    </xf>
    <xf numFmtId="0" fontId="13" fillId="2" borderId="0" xfId="0" applyFont="1" applyFill="1" applyProtection="1">
      <alignment vertical="center"/>
      <protection hidden="1"/>
    </xf>
    <xf numFmtId="0" fontId="7" fillId="0" borderId="0" xfId="0" applyFont="1" applyAlignment="1" applyProtection="1">
      <alignment horizontal="right" vertical="center"/>
      <protection hidden="1"/>
    </xf>
    <xf numFmtId="38" fontId="7" fillId="0" borderId="0" xfId="14" applyFont="1" applyProtection="1">
      <alignment vertical="center"/>
      <protection hidden="1"/>
    </xf>
    <xf numFmtId="0" fontId="9" fillId="2" borderId="0" xfId="0" applyFont="1" applyFill="1" applyAlignment="1" applyProtection="1">
      <alignment horizontal="center"/>
      <protection hidden="1"/>
    </xf>
    <xf numFmtId="0" fontId="24" fillId="2" borderId="0" xfId="0" applyFont="1" applyFill="1" applyProtection="1">
      <alignment vertical="center"/>
      <protection hidden="1"/>
    </xf>
    <xf numFmtId="0" fontId="11" fillId="2" borderId="0" xfId="0" applyFont="1" applyFill="1" applyProtection="1">
      <alignment vertical="center"/>
      <protection hidden="1"/>
    </xf>
    <xf numFmtId="0" fontId="17" fillId="2" borderId="0" xfId="0" applyFont="1" applyFill="1" applyAlignment="1" applyProtection="1">
      <protection hidden="1"/>
    </xf>
    <xf numFmtId="0" fontId="15" fillId="0" borderId="0" xfId="0" applyFont="1" applyAlignment="1" applyProtection="1">
      <alignment horizontal="center" vertical="center" shrinkToFit="1"/>
      <protection hidden="1"/>
    </xf>
    <xf numFmtId="38" fontId="10" fillId="0" borderId="0" xfId="14" applyFont="1" applyFill="1" applyBorder="1" applyProtection="1">
      <alignment vertical="center"/>
      <protection hidden="1"/>
    </xf>
    <xf numFmtId="38" fontId="7" fillId="0" borderId="0" xfId="14" applyFont="1" applyFill="1" applyBorder="1" applyProtection="1">
      <alignment vertical="center"/>
      <protection hidden="1"/>
    </xf>
    <xf numFmtId="0" fontId="14" fillId="0" borderId="0" xfId="0" applyFont="1" applyProtection="1">
      <alignment vertical="center"/>
      <protection hidden="1"/>
    </xf>
    <xf numFmtId="0" fontId="14" fillId="2" borderId="0" xfId="0" applyFont="1" applyFill="1" applyProtection="1">
      <alignment vertical="center"/>
      <protection hidden="1"/>
    </xf>
    <xf numFmtId="0" fontId="9" fillId="0" borderId="0" xfId="0" applyFont="1" applyAlignment="1" applyProtection="1">
      <alignment horizontal="center" vertical="center"/>
      <protection hidden="1"/>
    </xf>
    <xf numFmtId="0" fontId="23" fillId="2" borderId="0" xfId="0" applyFont="1" applyFill="1" applyProtection="1">
      <alignment vertical="center"/>
      <protection hidden="1"/>
    </xf>
    <xf numFmtId="0" fontId="14" fillId="0" borderId="0" xfId="0" applyFont="1" applyAlignment="1" applyProtection="1">
      <alignment horizontal="center" vertical="center"/>
      <protection hidden="1"/>
    </xf>
    <xf numFmtId="38" fontId="7" fillId="0" borderId="0" xfId="14" applyFont="1" applyFill="1" applyBorder="1" applyAlignment="1" applyProtection="1">
      <alignment vertical="center"/>
      <protection hidden="1"/>
    </xf>
    <xf numFmtId="38" fontId="7" fillId="2" borderId="0" xfId="11" applyFont="1" applyFill="1" applyProtection="1">
      <alignment vertical="center"/>
      <protection hidden="1"/>
    </xf>
    <xf numFmtId="0" fontId="18" fillId="2" borderId="0" xfId="0" applyFont="1" applyFill="1" applyAlignment="1" applyProtection="1">
      <alignment horizontal="distributed" vertical="center"/>
      <protection hidden="1"/>
    </xf>
    <xf numFmtId="38" fontId="30" fillId="0" borderId="0" xfId="6" applyFont="1" applyFill="1" applyAlignment="1" applyProtection="1">
      <alignment vertical="center"/>
      <protection hidden="1"/>
    </xf>
    <xf numFmtId="0" fontId="10" fillId="0" borderId="0" xfId="0" applyFont="1" applyProtection="1">
      <alignment vertical="center"/>
      <protection hidden="1"/>
    </xf>
    <xf numFmtId="0" fontId="23" fillId="0" borderId="0" xfId="0" applyFont="1" applyAlignment="1" applyProtection="1">
      <alignment horizontal="center" vertical="center"/>
      <protection hidden="1"/>
    </xf>
    <xf numFmtId="0" fontId="21" fillId="0" borderId="0" xfId="0" applyFont="1" applyProtection="1">
      <alignment vertical="center"/>
      <protection hidden="1"/>
    </xf>
    <xf numFmtId="0" fontId="15" fillId="0" borderId="0" xfId="0" applyFont="1" applyAlignment="1" applyProtection="1">
      <alignment horizontal="right" vertical="center"/>
      <protection hidden="1"/>
    </xf>
    <xf numFmtId="38" fontId="21" fillId="0" borderId="0" xfId="11" applyFont="1" applyFill="1" applyBorder="1" applyAlignment="1" applyProtection="1">
      <alignment horizontal="right" vertical="center" shrinkToFit="1"/>
      <protection hidden="1"/>
    </xf>
    <xf numFmtId="3" fontId="14" fillId="0" borderId="0" xfId="0" applyNumberFormat="1" applyFont="1" applyAlignment="1" applyProtection="1">
      <alignment horizontal="right" vertical="center" shrinkToFit="1"/>
      <protection hidden="1"/>
    </xf>
    <xf numFmtId="0" fontId="15" fillId="0" borderId="16" xfId="0" applyFont="1" applyBorder="1" applyAlignment="1" applyProtection="1">
      <alignment vertical="center" shrinkToFit="1"/>
      <protection hidden="1"/>
    </xf>
    <xf numFmtId="0" fontId="15" fillId="0" borderId="17" xfId="0" applyFont="1" applyBorder="1" applyAlignment="1" applyProtection="1">
      <alignment vertical="center" shrinkToFit="1"/>
      <protection hidden="1"/>
    </xf>
    <xf numFmtId="38" fontId="27" fillId="2" borderId="13" xfId="10" applyFont="1" applyFill="1" applyBorder="1" applyAlignment="1" applyProtection="1">
      <alignment vertical="center" shrinkToFit="1"/>
      <protection hidden="1"/>
    </xf>
    <xf numFmtId="38" fontId="15" fillId="0" borderId="0" xfId="14" applyFont="1" applyFill="1" applyBorder="1" applyAlignment="1" applyProtection="1">
      <alignment vertical="center"/>
      <protection hidden="1"/>
    </xf>
    <xf numFmtId="38" fontId="15" fillId="0" borderId="0" xfId="14" applyFont="1" applyFill="1" applyBorder="1" applyAlignment="1" applyProtection="1">
      <protection hidden="1"/>
    </xf>
    <xf numFmtId="3" fontId="13" fillId="0" borderId="20" xfId="0" applyNumberFormat="1" applyFont="1" applyBorder="1" applyAlignment="1" applyProtection="1">
      <alignment horizontal="right" vertical="center" shrinkToFit="1"/>
      <protection hidden="1"/>
    </xf>
    <xf numFmtId="3" fontId="13" fillId="0" borderId="21" xfId="0" applyNumberFormat="1" applyFont="1" applyBorder="1" applyAlignment="1" applyProtection="1">
      <alignment horizontal="right" vertical="center" shrinkToFit="1"/>
      <protection hidden="1"/>
    </xf>
    <xf numFmtId="3" fontId="13" fillId="0" borderId="21" xfId="0" applyNumberFormat="1" applyFont="1" applyBorder="1" applyAlignment="1" applyProtection="1">
      <alignment horizontal="center" vertical="center" shrinkToFit="1"/>
      <protection hidden="1"/>
    </xf>
    <xf numFmtId="3" fontId="14" fillId="0" borderId="21" xfId="0" applyNumberFormat="1" applyFont="1" applyBorder="1" applyAlignment="1" applyProtection="1">
      <alignment horizontal="center" vertical="center" shrinkToFit="1"/>
      <protection hidden="1"/>
    </xf>
    <xf numFmtId="38" fontId="39" fillId="0" borderId="21" xfId="11" applyFont="1" applyFill="1" applyBorder="1" applyAlignment="1" applyProtection="1">
      <alignment horizontal="center" vertical="center" shrinkToFit="1"/>
      <protection hidden="1"/>
    </xf>
    <xf numFmtId="0" fontId="7" fillId="2" borderId="22" xfId="0" applyFont="1" applyFill="1" applyBorder="1" applyProtection="1">
      <alignment vertical="center"/>
      <protection hidden="1"/>
    </xf>
    <xf numFmtId="38" fontId="15" fillId="0" borderId="22" xfId="14" applyFont="1" applyFill="1" applyBorder="1" applyAlignment="1" applyProtection="1">
      <protection hidden="1"/>
    </xf>
    <xf numFmtId="0" fontId="21" fillId="2" borderId="0" xfId="0" applyFont="1" applyFill="1" applyProtection="1">
      <alignment vertical="center"/>
      <protection hidden="1"/>
    </xf>
    <xf numFmtId="0" fontId="21" fillId="2" borderId="0" xfId="0" applyFont="1" applyFill="1" applyAlignment="1" applyProtection="1">
      <alignment horizontal="center" vertical="center"/>
      <protection locked="0"/>
    </xf>
    <xf numFmtId="38" fontId="10" fillId="0" borderId="0" xfId="14" applyFont="1" applyFill="1" applyBorder="1" applyAlignment="1" applyProtection="1">
      <alignment vertical="center"/>
      <protection hidden="1"/>
    </xf>
    <xf numFmtId="0" fontId="44" fillId="2" borderId="0" xfId="0" applyFont="1" applyFill="1" applyAlignment="1" applyProtection="1">
      <protection hidden="1"/>
    </xf>
    <xf numFmtId="3" fontId="13" fillId="0" borderId="22" xfId="0" applyNumberFormat="1" applyFont="1" applyBorder="1" applyAlignment="1" applyProtection="1">
      <alignment horizontal="right" vertical="center" shrinkToFit="1"/>
      <protection hidden="1"/>
    </xf>
    <xf numFmtId="38" fontId="15" fillId="0" borderId="0" xfId="14" applyFont="1" applyFill="1" applyBorder="1" applyAlignment="1" applyProtection="1">
      <alignment horizontal="left"/>
      <protection hidden="1"/>
    </xf>
    <xf numFmtId="0" fontId="10" fillId="2" borderId="0" xfId="0" applyFont="1" applyFill="1" applyAlignment="1" applyProtection="1">
      <protection hidden="1"/>
    </xf>
    <xf numFmtId="0" fontId="10" fillId="0" borderId="0" xfId="0" applyFont="1" applyAlignment="1" applyProtection="1">
      <alignment horizontal="right" vertical="center" shrinkToFit="1"/>
      <protection hidden="1"/>
    </xf>
    <xf numFmtId="0" fontId="31" fillId="2" borderId="0" xfId="0" applyFont="1" applyFill="1" applyProtection="1">
      <alignment vertical="center"/>
      <protection hidden="1"/>
    </xf>
    <xf numFmtId="0" fontId="30" fillId="2" borderId="0" xfId="0" applyFont="1" applyFill="1" applyProtection="1">
      <alignment vertical="center"/>
      <protection hidden="1"/>
    </xf>
    <xf numFmtId="38" fontId="31" fillId="2" borderId="0" xfId="6" applyFont="1" applyFill="1" applyProtection="1">
      <alignment vertical="center"/>
      <protection hidden="1"/>
    </xf>
    <xf numFmtId="0" fontId="30" fillId="0" borderId="0" xfId="0" applyFont="1" applyAlignment="1" applyProtection="1">
      <alignment horizontal="center" vertical="center"/>
      <protection hidden="1"/>
    </xf>
    <xf numFmtId="0" fontId="30" fillId="0" borderId="0" xfId="0" applyFont="1" applyProtection="1">
      <alignment vertical="center"/>
      <protection hidden="1"/>
    </xf>
    <xf numFmtId="0" fontId="30" fillId="5" borderId="0" xfId="0" applyFont="1" applyFill="1" applyProtection="1">
      <alignment vertical="center"/>
      <protection hidden="1"/>
    </xf>
    <xf numFmtId="0" fontId="32" fillId="0" borderId="0" xfId="0" applyFont="1" applyAlignment="1" applyProtection="1">
      <alignment vertical="center" shrinkToFit="1"/>
      <protection hidden="1"/>
    </xf>
    <xf numFmtId="0" fontId="32" fillId="5" borderId="0" xfId="0" applyFont="1" applyFill="1" applyAlignment="1" applyProtection="1">
      <alignment horizontal="center" vertical="center" wrapText="1" shrinkToFit="1"/>
      <protection hidden="1"/>
    </xf>
    <xf numFmtId="0" fontId="32" fillId="5" borderId="0" xfId="0" applyFont="1" applyFill="1" applyAlignment="1" applyProtection="1">
      <alignment horizontal="center" vertical="center" shrinkToFit="1"/>
      <protection hidden="1"/>
    </xf>
    <xf numFmtId="0" fontId="31" fillId="5" borderId="0" xfId="0" applyFont="1" applyFill="1" applyAlignment="1" applyProtection="1">
      <alignment horizontal="center" vertical="center" shrinkToFit="1"/>
      <protection hidden="1"/>
    </xf>
    <xf numFmtId="49" fontId="31" fillId="5" borderId="0" xfId="0" applyNumberFormat="1" applyFont="1" applyFill="1" applyAlignment="1" applyProtection="1">
      <alignment horizontal="center" vertical="center" shrinkToFit="1"/>
      <protection hidden="1"/>
    </xf>
    <xf numFmtId="0" fontId="31" fillId="5" borderId="0" xfId="0" applyFont="1" applyFill="1" applyAlignment="1" applyProtection="1">
      <alignment vertical="center" shrinkToFit="1"/>
      <protection hidden="1"/>
    </xf>
    <xf numFmtId="0" fontId="15" fillId="0" borderId="56" xfId="0" applyFont="1" applyBorder="1" applyAlignment="1" applyProtection="1">
      <alignment vertical="center" shrinkToFit="1"/>
      <protection hidden="1"/>
    </xf>
    <xf numFmtId="0" fontId="15" fillId="0" borderId="53" xfId="0" applyFont="1" applyBorder="1" applyAlignment="1" applyProtection="1">
      <alignment vertical="center" shrinkToFit="1"/>
      <protection hidden="1"/>
    </xf>
    <xf numFmtId="0" fontId="15" fillId="0" borderId="71" xfId="0" applyFont="1" applyBorder="1" applyAlignment="1" applyProtection="1">
      <alignment vertical="center" shrinkToFit="1"/>
      <protection hidden="1"/>
    </xf>
    <xf numFmtId="0" fontId="15" fillId="0" borderId="122" xfId="0" applyFont="1" applyBorder="1" applyAlignment="1" applyProtection="1">
      <alignment vertical="center" shrinkToFit="1"/>
      <protection hidden="1"/>
    </xf>
    <xf numFmtId="0" fontId="15" fillId="0" borderId="108" xfId="0" applyFont="1" applyBorder="1" applyAlignment="1" applyProtection="1">
      <alignment vertical="center" shrinkToFit="1"/>
      <protection hidden="1"/>
    </xf>
    <xf numFmtId="0" fontId="15" fillId="0" borderId="129" xfId="0" applyFont="1" applyBorder="1" applyAlignment="1" applyProtection="1">
      <alignment vertical="center" shrinkToFit="1"/>
      <protection hidden="1"/>
    </xf>
    <xf numFmtId="0" fontId="15" fillId="0" borderId="0" xfId="0" applyFont="1" applyProtection="1">
      <alignment vertical="center"/>
      <protection hidden="1"/>
    </xf>
    <xf numFmtId="0" fontId="15" fillId="0" borderId="101" xfId="0" applyFont="1" applyBorder="1" applyAlignment="1" applyProtection="1">
      <alignment horizontal="center" vertical="center"/>
      <protection hidden="1"/>
    </xf>
    <xf numFmtId="0" fontId="15" fillId="0" borderId="93" xfId="0" applyFont="1" applyBorder="1" applyAlignment="1" applyProtection="1">
      <alignment horizontal="center" vertical="center"/>
      <protection hidden="1"/>
    </xf>
    <xf numFmtId="0" fontId="15" fillId="0" borderId="119" xfId="0" applyFont="1" applyBorder="1" applyAlignment="1" applyProtection="1">
      <alignment horizontal="center" vertical="center"/>
      <protection hidden="1"/>
    </xf>
    <xf numFmtId="0" fontId="15" fillId="0" borderId="121" xfId="0" applyFont="1" applyBorder="1" applyAlignment="1" applyProtection="1">
      <alignment horizontal="center" vertical="center"/>
      <protection hidden="1"/>
    </xf>
    <xf numFmtId="0" fontId="15" fillId="0" borderId="134" xfId="0" applyFont="1" applyBorder="1" applyAlignment="1" applyProtection="1">
      <alignment horizontal="center" vertical="center"/>
      <protection hidden="1"/>
    </xf>
    <xf numFmtId="38" fontId="15" fillId="0" borderId="68" xfId="0" applyNumberFormat="1" applyFont="1" applyBorder="1" applyProtection="1">
      <alignment vertical="center"/>
      <protection hidden="1"/>
    </xf>
    <xf numFmtId="0" fontId="15" fillId="0" borderId="136" xfId="0" applyFont="1" applyBorder="1" applyAlignment="1" applyProtection="1">
      <alignment horizontal="center" vertical="center"/>
      <protection hidden="1"/>
    </xf>
    <xf numFmtId="0" fontId="15" fillId="0" borderId="138" xfId="0" applyFont="1" applyBorder="1" applyAlignment="1" applyProtection="1">
      <alignment horizontal="center" vertical="center"/>
      <protection hidden="1"/>
    </xf>
    <xf numFmtId="0" fontId="15" fillId="0" borderId="12" xfId="0" applyFont="1" applyBorder="1" applyAlignment="1" applyProtection="1">
      <alignment horizontal="center" vertical="center"/>
      <protection hidden="1"/>
    </xf>
    <xf numFmtId="0" fontId="15" fillId="0" borderId="125" xfId="0" applyFont="1" applyBorder="1" applyAlignment="1" applyProtection="1">
      <alignment horizontal="center" vertical="center"/>
      <protection hidden="1"/>
    </xf>
    <xf numFmtId="3" fontId="15" fillId="0" borderId="68" xfId="0" applyNumberFormat="1" applyFont="1" applyBorder="1" applyAlignment="1" applyProtection="1">
      <alignment vertical="center" shrinkToFit="1"/>
      <protection hidden="1"/>
    </xf>
    <xf numFmtId="0" fontId="51" fillId="0" borderId="0" xfId="0" applyFont="1" applyAlignment="1" applyProtection="1">
      <protection hidden="1"/>
    </xf>
    <xf numFmtId="0" fontId="12" fillId="2" borderId="0" xfId="0" applyFont="1" applyFill="1" applyAlignment="1" applyProtection="1">
      <alignment horizontal="center" vertical="center"/>
      <protection hidden="1"/>
    </xf>
    <xf numFmtId="0" fontId="15" fillId="0" borderId="0" xfId="0" applyFont="1" applyAlignment="1" applyProtection="1">
      <alignment horizontal="right" vertical="center" wrapText="1"/>
      <protection hidden="1"/>
    </xf>
    <xf numFmtId="0" fontId="51" fillId="0" borderId="0" xfId="0" applyFont="1" applyAlignment="1" applyProtection="1">
      <alignment vertical="top"/>
      <protection hidden="1"/>
    </xf>
    <xf numFmtId="0" fontId="52" fillId="0" borderId="0" xfId="0" applyFont="1" applyProtection="1">
      <alignment vertical="center"/>
      <protection hidden="1"/>
    </xf>
    <xf numFmtId="0" fontId="15" fillId="0" borderId="0" xfId="0" applyFont="1" applyAlignment="1" applyProtection="1">
      <alignment horizontal="center" vertical="center"/>
      <protection hidden="1"/>
    </xf>
    <xf numFmtId="0" fontId="15" fillId="0" borderId="0" xfId="0" applyFont="1" applyAlignment="1" applyProtection="1">
      <alignment horizontal="left" vertical="center" indent="2" shrinkToFit="1"/>
      <protection hidden="1"/>
    </xf>
    <xf numFmtId="0" fontId="10" fillId="0" borderId="0" xfId="0" applyFont="1" applyAlignment="1" applyProtection="1">
      <alignment horizontal="center" vertical="center"/>
      <protection hidden="1"/>
    </xf>
    <xf numFmtId="38" fontId="54" fillId="0" borderId="0" xfId="6" applyFont="1" applyFill="1" applyBorder="1" applyAlignment="1" applyProtection="1">
      <alignment vertical="center" shrinkToFit="1"/>
      <protection hidden="1"/>
    </xf>
    <xf numFmtId="0" fontId="11" fillId="0" borderId="0" xfId="0" applyFont="1" applyAlignment="1" applyProtection="1">
      <alignment horizontal="left" vertical="center" wrapText="1"/>
      <protection hidden="1"/>
    </xf>
    <xf numFmtId="38" fontId="29" fillId="0" borderId="0" xfId="6" applyFont="1" applyFill="1" applyBorder="1" applyAlignment="1" applyProtection="1">
      <alignment vertical="center"/>
      <protection hidden="1"/>
    </xf>
    <xf numFmtId="38" fontId="7" fillId="3" borderId="1" xfId="14" applyFont="1" applyFill="1" applyBorder="1" applyProtection="1">
      <alignment vertical="center"/>
      <protection hidden="1"/>
    </xf>
    <xf numFmtId="38" fontId="7" fillId="3" borderId="2" xfId="14" applyFont="1" applyFill="1" applyBorder="1" applyProtection="1">
      <alignment vertical="center"/>
      <protection hidden="1"/>
    </xf>
    <xf numFmtId="38" fontId="10" fillId="0" borderId="0" xfId="14" applyFont="1" applyProtection="1">
      <alignment vertical="center"/>
      <protection hidden="1"/>
    </xf>
    <xf numFmtId="38" fontId="7" fillId="4" borderId="1" xfId="14" applyFont="1" applyFill="1" applyBorder="1" applyProtection="1">
      <alignment vertical="center"/>
      <protection hidden="1"/>
    </xf>
    <xf numFmtId="38" fontId="7" fillId="4" borderId="2" xfId="14" applyFont="1" applyFill="1" applyBorder="1" applyProtection="1">
      <alignment vertical="center"/>
      <protection hidden="1"/>
    </xf>
    <xf numFmtId="0" fontId="15" fillId="0" borderId="29" xfId="0" applyFont="1" applyBorder="1" applyProtection="1">
      <alignment vertical="center"/>
      <protection hidden="1"/>
    </xf>
    <xf numFmtId="38" fontId="27" fillId="2" borderId="12" xfId="10" applyFont="1" applyFill="1" applyBorder="1" applyAlignment="1" applyProtection="1">
      <alignment vertical="center" shrinkToFit="1"/>
      <protection hidden="1"/>
    </xf>
    <xf numFmtId="38" fontId="20" fillId="0" borderId="0" xfId="6" applyFont="1" applyFill="1" applyBorder="1" applyAlignment="1" applyProtection="1">
      <alignment horizontal="right" vertical="center"/>
      <protection hidden="1"/>
    </xf>
    <xf numFmtId="0" fontId="15" fillId="0" borderId="0" xfId="0" applyFont="1" applyAlignment="1" applyProtection="1">
      <alignment horizontal="center" vertical="center" wrapText="1"/>
      <protection hidden="1"/>
    </xf>
    <xf numFmtId="0" fontId="19" fillId="0" borderId="0" xfId="0" applyFont="1" applyAlignment="1" applyProtection="1">
      <alignment horizontal="center" vertical="center"/>
      <protection hidden="1"/>
    </xf>
    <xf numFmtId="0" fontId="45" fillId="0" borderId="0" xfId="0" applyFont="1" applyAlignment="1" applyProtection="1">
      <alignment horizontal="left" vertical="center"/>
      <protection hidden="1"/>
    </xf>
    <xf numFmtId="0" fontId="7" fillId="0" borderId="0" xfId="0" applyFont="1" applyAlignment="1" applyProtection="1">
      <alignment vertical="center" wrapText="1"/>
      <protection hidden="1"/>
    </xf>
    <xf numFmtId="38" fontId="15" fillId="0" borderId="97" xfId="0" applyNumberFormat="1" applyFont="1" applyBorder="1" applyProtection="1">
      <alignment vertical="center"/>
      <protection hidden="1"/>
    </xf>
    <xf numFmtId="38" fontId="15" fillId="0" borderId="119" xfId="0" applyNumberFormat="1" applyFont="1" applyBorder="1" applyProtection="1">
      <alignment vertical="center"/>
      <protection hidden="1"/>
    </xf>
    <xf numFmtId="0" fontId="15" fillId="0" borderId="112" xfId="0" applyFont="1" applyBorder="1" applyAlignment="1" applyProtection="1">
      <alignment vertical="center" shrinkToFit="1"/>
      <protection hidden="1"/>
    </xf>
    <xf numFmtId="38" fontId="15" fillId="0" borderId="13" xfId="0" applyNumberFormat="1" applyFont="1" applyBorder="1" applyProtection="1">
      <alignment vertical="center"/>
      <protection hidden="1"/>
    </xf>
    <xf numFmtId="38" fontId="15" fillId="0" borderId="12" xfId="0" applyNumberFormat="1" applyFont="1" applyBorder="1" applyProtection="1">
      <alignment vertical="center"/>
      <protection hidden="1"/>
    </xf>
    <xf numFmtId="49" fontId="21" fillId="0" borderId="0" xfId="0" applyNumberFormat="1" applyFont="1" applyAlignment="1" applyProtection="1">
      <alignment horizontal="center" vertical="center" shrinkToFit="1"/>
      <protection hidden="1"/>
    </xf>
    <xf numFmtId="179" fontId="27" fillId="0" borderId="0" xfId="10" applyNumberFormat="1" applyFont="1" applyFill="1" applyBorder="1" applyAlignment="1" applyProtection="1">
      <alignment horizontal="center" vertical="center" shrinkToFit="1"/>
      <protection hidden="1"/>
    </xf>
    <xf numFmtId="0" fontId="15" fillId="0" borderId="118" xfId="0" applyFont="1" applyBorder="1" applyProtection="1">
      <alignment vertical="center"/>
      <protection hidden="1"/>
    </xf>
    <xf numFmtId="0" fontId="15" fillId="0" borderId="100" xfId="0" applyFont="1" applyBorder="1" applyProtection="1">
      <alignment vertical="center"/>
      <protection hidden="1"/>
    </xf>
    <xf numFmtId="38" fontId="15" fillId="0" borderId="82" xfId="0" applyNumberFormat="1" applyFont="1" applyBorder="1" applyProtection="1">
      <alignment vertical="center"/>
      <protection hidden="1"/>
    </xf>
    <xf numFmtId="38" fontId="15" fillId="0" borderId="90" xfId="0" applyNumberFormat="1" applyFont="1" applyBorder="1" applyProtection="1">
      <alignment vertical="center"/>
      <protection hidden="1"/>
    </xf>
    <xf numFmtId="38" fontId="15" fillId="0" borderId="17" xfId="0" applyNumberFormat="1" applyFont="1" applyBorder="1" applyProtection="1">
      <alignment vertical="center"/>
      <protection hidden="1"/>
    </xf>
    <xf numFmtId="38" fontId="15" fillId="0" borderId="118" xfId="0" applyNumberFormat="1" applyFont="1" applyBorder="1" applyProtection="1">
      <alignment vertical="center"/>
      <protection hidden="1"/>
    </xf>
    <xf numFmtId="0" fontId="62" fillId="0" borderId="0" xfId="0" applyFont="1" applyAlignment="1" applyProtection="1">
      <alignment vertical="top" wrapText="1"/>
      <protection hidden="1"/>
    </xf>
    <xf numFmtId="0" fontId="63" fillId="0" borderId="0" xfId="0" applyFont="1" applyProtection="1">
      <alignment vertical="center"/>
      <protection hidden="1"/>
    </xf>
    <xf numFmtId="0" fontId="64" fillId="0" borderId="0" xfId="0" applyFont="1" applyAlignment="1" applyProtection="1">
      <alignment horizontal="center" vertical="center"/>
      <protection hidden="1"/>
    </xf>
    <xf numFmtId="0" fontId="66" fillId="0" borderId="0" xfId="0" applyFont="1" applyProtection="1">
      <alignment vertical="center"/>
      <protection hidden="1"/>
    </xf>
    <xf numFmtId="0" fontId="64" fillId="0" borderId="0" xfId="0" applyFont="1" applyAlignment="1" applyProtection="1">
      <alignment horizontal="center" vertical="distributed"/>
      <protection hidden="1"/>
    </xf>
    <xf numFmtId="0" fontId="10" fillId="0" borderId="0" xfId="0" applyFont="1" applyAlignment="1" applyProtection="1">
      <alignment horizontal="right" vertical="center"/>
      <protection hidden="1"/>
    </xf>
    <xf numFmtId="0" fontId="83" fillId="0" borderId="0" xfId="0" applyFont="1">
      <alignment vertical="center"/>
    </xf>
    <xf numFmtId="0" fontId="10" fillId="0" borderId="0" xfId="0" applyFont="1" applyAlignment="1" applyProtection="1">
      <alignment horizontal="center" vertical="center" shrinkToFit="1"/>
      <protection hidden="1"/>
    </xf>
    <xf numFmtId="38" fontId="27" fillId="2" borderId="125" xfId="10" applyFont="1" applyFill="1" applyBorder="1" applyAlignment="1" applyProtection="1">
      <alignment vertical="center" shrinkToFit="1"/>
      <protection hidden="1"/>
    </xf>
    <xf numFmtId="0" fontId="15" fillId="2" borderId="189" xfId="0" applyFont="1" applyFill="1" applyBorder="1" applyProtection="1">
      <alignment vertical="center"/>
      <protection hidden="1"/>
    </xf>
    <xf numFmtId="0" fontId="7" fillId="2" borderId="189" xfId="0" applyFont="1" applyFill="1" applyBorder="1" applyProtection="1">
      <alignment vertical="center"/>
      <protection hidden="1"/>
    </xf>
    <xf numFmtId="0" fontId="7" fillId="2" borderId="189" xfId="0" applyFont="1" applyFill="1" applyBorder="1" applyAlignment="1" applyProtection="1">
      <alignment horizontal="center" vertical="center"/>
      <protection hidden="1"/>
    </xf>
    <xf numFmtId="38" fontId="7" fillId="2" borderId="189" xfId="6" applyFont="1" applyFill="1" applyBorder="1" applyProtection="1">
      <alignment vertical="center"/>
      <protection hidden="1"/>
    </xf>
    <xf numFmtId="38" fontId="7" fillId="0" borderId="189" xfId="6" applyFont="1" applyBorder="1" applyProtection="1">
      <alignment vertical="center"/>
      <protection hidden="1"/>
    </xf>
    <xf numFmtId="0" fontId="7" fillId="0" borderId="189" xfId="0" applyFont="1" applyBorder="1" applyProtection="1">
      <alignment vertical="center"/>
      <protection hidden="1"/>
    </xf>
    <xf numFmtId="0" fontId="15" fillId="2" borderId="0" xfId="0" applyFont="1" applyFill="1" applyAlignment="1" applyProtection="1">
      <alignment horizontal="left" vertical="center"/>
      <protection hidden="1"/>
    </xf>
    <xf numFmtId="0" fontId="15" fillId="3" borderId="11" xfId="0" applyFont="1" applyFill="1" applyBorder="1" applyAlignment="1" applyProtection="1">
      <alignment vertical="center" textRotation="255"/>
      <protection hidden="1"/>
    </xf>
    <xf numFmtId="0" fontId="15" fillId="3" borderId="10" xfId="0" applyFont="1" applyFill="1" applyBorder="1" applyAlignment="1" applyProtection="1">
      <alignment vertical="center" textRotation="255"/>
      <protection hidden="1"/>
    </xf>
    <xf numFmtId="0" fontId="32" fillId="0" borderId="0" xfId="0" applyFont="1" applyProtection="1">
      <alignment vertical="center"/>
      <protection hidden="1"/>
    </xf>
    <xf numFmtId="0" fontId="30" fillId="0" borderId="0" xfId="0" applyFont="1" applyAlignment="1" applyProtection="1">
      <alignment vertical="center" wrapText="1" shrinkToFit="1"/>
      <protection hidden="1"/>
    </xf>
    <xf numFmtId="0" fontId="31" fillId="0" borderId="0" xfId="0" applyFont="1" applyProtection="1">
      <alignment vertical="center"/>
      <protection hidden="1"/>
    </xf>
    <xf numFmtId="0" fontId="33" fillId="0" borderId="0" xfId="0" applyFont="1" applyAlignment="1" applyProtection="1">
      <alignment horizontal="center" vertical="center"/>
      <protection hidden="1"/>
    </xf>
    <xf numFmtId="0" fontId="35" fillId="0" borderId="0" xfId="0" applyFont="1" applyAlignment="1" applyProtection="1">
      <alignment vertical="center" wrapText="1"/>
      <protection hidden="1"/>
    </xf>
    <xf numFmtId="0" fontId="18" fillId="0" borderId="0" xfId="0" applyFont="1" applyProtection="1">
      <alignment vertical="center"/>
      <protection hidden="1"/>
    </xf>
    <xf numFmtId="0" fontId="15" fillId="0" borderId="0" xfId="0" applyFont="1" applyAlignment="1" applyProtection="1">
      <protection hidden="1"/>
    </xf>
    <xf numFmtId="0" fontId="15" fillId="0" borderId="0" xfId="0" applyFont="1" applyAlignment="1" applyProtection="1">
      <alignment horizontal="left"/>
      <protection hidden="1"/>
    </xf>
    <xf numFmtId="0" fontId="7" fillId="2" borderId="0" xfId="0" applyFont="1" applyFill="1" applyAlignment="1" applyProtection="1">
      <alignment vertical="top"/>
      <protection hidden="1"/>
    </xf>
    <xf numFmtId="0" fontId="15" fillId="2" borderId="0" xfId="0" applyFont="1" applyFill="1" applyAlignment="1" applyProtection="1">
      <alignment vertical="top"/>
      <protection hidden="1"/>
    </xf>
    <xf numFmtId="0" fontId="14" fillId="0" borderId="66" xfId="0" applyFont="1" applyBorder="1" applyAlignment="1" applyProtection="1">
      <alignment horizontal="center" vertical="center"/>
      <protection hidden="1"/>
    </xf>
    <xf numFmtId="0" fontId="84" fillId="0" borderId="0" xfId="0" applyFont="1">
      <alignment vertical="center"/>
    </xf>
    <xf numFmtId="49" fontId="7" fillId="2" borderId="0" xfId="0" applyNumberFormat="1" applyFont="1" applyFill="1" applyAlignment="1" applyProtection="1">
      <alignment horizontal="center" vertical="center"/>
      <protection locked="0"/>
    </xf>
    <xf numFmtId="38" fontId="15" fillId="0" borderId="139" xfId="0" applyNumberFormat="1" applyFont="1" applyBorder="1" applyProtection="1">
      <alignment vertical="center"/>
      <protection hidden="1"/>
    </xf>
    <xf numFmtId="0" fontId="84" fillId="47" borderId="0" xfId="0" applyFont="1" applyFill="1">
      <alignment vertical="center"/>
    </xf>
    <xf numFmtId="0" fontId="93" fillId="0" borderId="0" xfId="0" applyFont="1" applyAlignment="1" applyProtection="1">
      <alignment horizontal="right" vertical="center"/>
      <protection locked="0"/>
    </xf>
    <xf numFmtId="0" fontId="93" fillId="2" borderId="0" xfId="0" applyFont="1" applyFill="1" applyAlignment="1" applyProtection="1">
      <alignment horizontal="right" vertical="center"/>
      <protection locked="0"/>
    </xf>
    <xf numFmtId="0" fontId="93" fillId="0" borderId="23" xfId="0" applyFont="1" applyBorder="1" applyAlignment="1" applyProtection="1">
      <alignment horizontal="right" vertical="center"/>
      <protection locked="0"/>
    </xf>
    <xf numFmtId="0" fontId="17" fillId="0" borderId="23" xfId="0" applyFont="1" applyBorder="1" applyAlignment="1" applyProtection="1">
      <alignment horizontal="center" vertical="center"/>
      <protection locked="0"/>
    </xf>
    <xf numFmtId="0" fontId="84" fillId="49" borderId="0" xfId="0" applyFont="1" applyFill="1">
      <alignment vertical="center"/>
    </xf>
    <xf numFmtId="0" fontId="15" fillId="0" borderId="0" xfId="0" applyFont="1" applyAlignment="1" applyProtection="1">
      <alignment horizontal="center" vertical="center"/>
      <protection locked="0"/>
    </xf>
    <xf numFmtId="0" fontId="14" fillId="0" borderId="0" xfId="0" applyFont="1" applyAlignment="1" applyProtection="1">
      <alignment horizontal="right" vertical="center"/>
      <protection locked="0"/>
    </xf>
    <xf numFmtId="0" fontId="14" fillId="0" borderId="0" xfId="0" applyFont="1" applyProtection="1">
      <alignment vertical="center"/>
      <protection locked="0"/>
    </xf>
    <xf numFmtId="0" fontId="14" fillId="0" borderId="23" xfId="0" applyFont="1" applyBorder="1" applyAlignment="1" applyProtection="1">
      <alignment horizontal="right" vertical="center"/>
      <protection locked="0"/>
    </xf>
    <xf numFmtId="0" fontId="14" fillId="0" borderId="23" xfId="0" applyFont="1" applyBorder="1" applyProtection="1">
      <alignment vertical="center"/>
      <protection locked="0"/>
    </xf>
    <xf numFmtId="0" fontId="63" fillId="0" borderId="0" xfId="0" applyFont="1" applyAlignment="1" applyProtection="1">
      <alignment horizontal="right" vertical="center"/>
      <protection locked="0"/>
    </xf>
    <xf numFmtId="0" fontId="59" fillId="0" borderId="0" xfId="0" applyFont="1" applyAlignment="1" applyProtection="1">
      <alignment horizontal="right" vertical="center" wrapText="1"/>
      <protection locked="0"/>
    </xf>
    <xf numFmtId="3" fontId="63" fillId="0" borderId="23" xfId="0" applyNumberFormat="1" applyFont="1" applyBorder="1" applyAlignment="1" applyProtection="1">
      <alignment horizontal="right" vertical="center" shrinkToFit="1"/>
      <protection locked="0"/>
    </xf>
    <xf numFmtId="0" fontId="63" fillId="0" borderId="0" xfId="0" applyFont="1" applyAlignment="1" applyProtection="1">
      <alignment horizontal="right" vertical="center" shrinkToFit="1"/>
      <protection locked="0"/>
    </xf>
    <xf numFmtId="0" fontId="63" fillId="0" borderId="23" xfId="0" applyFont="1" applyBorder="1" applyAlignment="1" applyProtection="1">
      <alignment horizontal="right" vertical="center"/>
      <protection locked="0"/>
    </xf>
    <xf numFmtId="0" fontId="14" fillId="0" borderId="23" xfId="0" applyFont="1" applyBorder="1" applyAlignment="1" applyProtection="1">
      <alignment horizontal="center" vertical="center"/>
      <protection locked="0"/>
    </xf>
    <xf numFmtId="0" fontId="63" fillId="0" borderId="0" xfId="0" applyFont="1" applyAlignment="1" applyProtection="1">
      <alignment horizontal="right" vertical="center" wrapText="1"/>
      <protection locked="0"/>
    </xf>
    <xf numFmtId="38" fontId="63" fillId="0" borderId="0" xfId="11" applyFont="1" applyFill="1" applyBorder="1" applyAlignment="1" applyProtection="1">
      <alignment horizontal="right" vertical="center" shrinkToFit="1"/>
      <protection locked="0"/>
    </xf>
    <xf numFmtId="38" fontId="63" fillId="0" borderId="23" xfId="11" applyFont="1" applyFill="1" applyBorder="1" applyAlignment="1" applyProtection="1">
      <alignment horizontal="right" vertical="center" shrinkToFit="1"/>
      <protection locked="0"/>
    </xf>
    <xf numFmtId="0" fontId="97" fillId="0" borderId="0" xfId="0" applyFont="1" applyAlignment="1" applyProtection="1">
      <alignment vertical="center" wrapText="1"/>
      <protection locked="0"/>
    </xf>
    <xf numFmtId="0" fontId="13" fillId="0" borderId="0" xfId="0" applyFont="1" applyProtection="1">
      <alignment vertical="center"/>
      <protection locked="0"/>
    </xf>
    <xf numFmtId="38" fontId="98" fillId="0" borderId="0" xfId="14" applyFont="1" applyFill="1" applyBorder="1" applyAlignment="1" applyProtection="1">
      <alignment wrapText="1"/>
      <protection locked="0"/>
    </xf>
    <xf numFmtId="0" fontId="15" fillId="2" borderId="0" xfId="0" applyFont="1" applyFill="1" applyAlignment="1" applyProtection="1">
      <alignment horizontal="center" vertical="center"/>
      <protection locked="0"/>
    </xf>
    <xf numFmtId="0" fontId="99" fillId="0" borderId="0" xfId="0" applyFont="1" applyAlignment="1" applyProtection="1">
      <alignment horizontal="center" vertical="center"/>
      <protection locked="0"/>
    </xf>
    <xf numFmtId="0" fontId="15" fillId="2" borderId="0" xfId="0" applyFont="1" applyFill="1" applyProtection="1">
      <alignment vertical="center"/>
      <protection locked="0"/>
    </xf>
    <xf numFmtId="0" fontId="99" fillId="0" borderId="0" xfId="0" applyFont="1" applyProtection="1">
      <alignment vertical="center"/>
      <protection locked="0"/>
    </xf>
    <xf numFmtId="0" fontId="66" fillId="0" borderId="23" xfId="0" applyFont="1" applyBorder="1" applyAlignment="1" applyProtection="1">
      <alignment vertical="top" wrapText="1"/>
      <protection locked="0"/>
    </xf>
    <xf numFmtId="0" fontId="15" fillId="0" borderId="0" xfId="0" applyFont="1" applyProtection="1">
      <alignment vertical="center"/>
      <protection locked="0"/>
    </xf>
    <xf numFmtId="0" fontId="100" fillId="2" borderId="0" xfId="0" applyFont="1" applyFill="1" applyProtection="1">
      <alignment vertical="center"/>
      <protection locked="0"/>
    </xf>
    <xf numFmtId="0" fontId="15" fillId="0" borderId="23" xfId="0" applyFont="1" applyBorder="1" applyProtection="1">
      <alignment vertical="center"/>
      <protection locked="0"/>
    </xf>
    <xf numFmtId="38" fontId="15" fillId="0" borderId="23" xfId="6" applyFont="1" applyFill="1" applyBorder="1" applyAlignment="1" applyProtection="1">
      <alignment vertical="center"/>
      <protection locked="0"/>
    </xf>
    <xf numFmtId="0" fontId="14" fillId="0" borderId="0" xfId="0" applyFont="1" applyAlignment="1" applyProtection="1">
      <alignment vertical="center" shrinkToFit="1"/>
      <protection locked="0"/>
    </xf>
    <xf numFmtId="38" fontId="98" fillId="0" borderId="0" xfId="14" applyFont="1" applyFill="1" applyBorder="1" applyAlignment="1" applyProtection="1">
      <protection locked="0"/>
    </xf>
    <xf numFmtId="38" fontId="15" fillId="0" borderId="99" xfId="0" applyNumberFormat="1" applyFont="1" applyBorder="1" applyProtection="1">
      <alignment vertical="center"/>
      <protection hidden="1"/>
    </xf>
    <xf numFmtId="38" fontId="15" fillId="0" borderId="136" xfId="0" applyNumberFormat="1" applyFont="1" applyBorder="1" applyProtection="1">
      <alignment vertical="center"/>
      <protection hidden="1"/>
    </xf>
    <xf numFmtId="38" fontId="15" fillId="0" borderId="66" xfId="0" applyNumberFormat="1" applyFont="1" applyBorder="1" applyAlignment="1" applyProtection="1">
      <alignment horizontal="center" vertical="center"/>
      <protection hidden="1"/>
    </xf>
    <xf numFmtId="38" fontId="10" fillId="0" borderId="0" xfId="14" applyFont="1" applyFill="1" applyBorder="1" applyAlignment="1" applyProtection="1">
      <alignment horizontal="left"/>
      <protection hidden="1"/>
    </xf>
    <xf numFmtId="38" fontId="27" fillId="0" borderId="0" xfId="11" applyFont="1" applyFill="1" applyBorder="1" applyAlignment="1" applyProtection="1">
      <alignment horizontal="right" vertical="center" shrinkToFit="1"/>
      <protection locked="0"/>
    </xf>
    <xf numFmtId="38" fontId="92" fillId="0" borderId="0" xfId="14" applyFont="1" applyFill="1" applyBorder="1" applyAlignment="1" applyProtection="1">
      <alignment horizontal="left" wrapText="1"/>
      <protection hidden="1"/>
    </xf>
    <xf numFmtId="38" fontId="8" fillId="0" borderId="0" xfId="14" applyFont="1" applyFill="1" applyBorder="1" applyAlignment="1" applyProtection="1">
      <alignment horizontal="left"/>
      <protection hidden="1"/>
    </xf>
    <xf numFmtId="0" fontId="26" fillId="0" borderId="0" xfId="0" applyFont="1" applyAlignment="1" applyProtection="1">
      <alignment horizontal="center" vertical="center" wrapText="1"/>
      <protection hidden="1"/>
    </xf>
    <xf numFmtId="0" fontId="93" fillId="2" borderId="23" xfId="0" applyFont="1" applyFill="1" applyBorder="1" applyAlignment="1" applyProtection="1">
      <alignment horizontal="right" vertical="distributed" wrapText="1"/>
      <protection locked="0"/>
    </xf>
    <xf numFmtId="0" fontId="20" fillId="0" borderId="0" xfId="0" applyFont="1" applyAlignment="1" applyProtection="1">
      <alignment horizontal="center" vertical="center"/>
      <protection hidden="1"/>
    </xf>
    <xf numFmtId="38" fontId="15" fillId="0" borderId="0" xfId="0" applyNumberFormat="1" applyFont="1" applyAlignment="1" applyProtection="1">
      <alignment horizontal="center" vertical="center"/>
      <protection hidden="1"/>
    </xf>
    <xf numFmtId="38" fontId="15" fillId="0" borderId="0" xfId="0" applyNumberFormat="1" applyFont="1" applyProtection="1">
      <alignment vertical="center"/>
      <protection hidden="1"/>
    </xf>
    <xf numFmtId="0" fontId="15" fillId="0" borderId="0" xfId="0" applyFont="1" applyAlignment="1" applyProtection="1">
      <alignment vertical="center" shrinkToFit="1"/>
      <protection hidden="1"/>
    </xf>
    <xf numFmtId="0" fontId="9" fillId="0" borderId="0" xfId="0" applyFont="1" applyProtection="1">
      <alignment vertical="center"/>
      <protection hidden="1"/>
    </xf>
    <xf numFmtId="0" fontId="15" fillId="0" borderId="83" xfId="0" applyFont="1" applyBorder="1" applyAlignment="1" applyProtection="1">
      <alignment vertical="center" shrinkToFit="1"/>
      <protection hidden="1"/>
    </xf>
    <xf numFmtId="38" fontId="15" fillId="0" borderId="83" xfId="0" applyNumberFormat="1" applyFont="1" applyBorder="1" applyAlignment="1" applyProtection="1">
      <alignment horizontal="center" vertical="center"/>
      <protection hidden="1"/>
    </xf>
    <xf numFmtId="38" fontId="15" fillId="0" borderId="10" xfId="0" applyNumberFormat="1" applyFont="1" applyBorder="1" applyAlignment="1" applyProtection="1">
      <alignment horizontal="center" vertical="center"/>
      <protection hidden="1"/>
    </xf>
    <xf numFmtId="0" fontId="14" fillId="2" borderId="23" xfId="0" applyFont="1" applyFill="1" applyBorder="1" applyProtection="1">
      <alignment vertical="center"/>
      <protection locked="0"/>
    </xf>
    <xf numFmtId="3" fontId="17" fillId="0" borderId="0" xfId="0" applyNumberFormat="1" applyFont="1" applyAlignment="1" applyProtection="1">
      <alignment horizontal="center" vertical="center" shrinkToFit="1"/>
      <protection hidden="1"/>
    </xf>
    <xf numFmtId="38" fontId="39" fillId="0" borderId="0" xfId="11" applyFont="1" applyFill="1" applyBorder="1" applyAlignment="1" applyProtection="1">
      <alignment horizontal="right" vertical="center" shrinkToFit="1"/>
      <protection hidden="1"/>
    </xf>
    <xf numFmtId="38" fontId="39" fillId="0" borderId="0" xfId="11" applyFont="1" applyFill="1" applyBorder="1" applyAlignment="1" applyProtection="1">
      <alignment horizontal="center" vertical="center" shrinkToFit="1"/>
      <protection hidden="1"/>
    </xf>
    <xf numFmtId="38" fontId="37" fillId="0" borderId="0" xfId="11" applyFont="1" applyFill="1" applyBorder="1" applyAlignment="1" applyProtection="1">
      <alignment vertical="center" shrinkToFit="1"/>
      <protection hidden="1"/>
    </xf>
    <xf numFmtId="0" fontId="14" fillId="0" borderId="0" xfId="0" applyFont="1" applyAlignment="1" applyProtection="1">
      <alignment horizontal="center" vertical="center" wrapText="1"/>
      <protection hidden="1"/>
    </xf>
    <xf numFmtId="38" fontId="27" fillId="0" borderId="83" xfId="10" applyFont="1" applyFill="1" applyBorder="1" applyAlignment="1" applyProtection="1">
      <alignment horizontal="right" vertical="center" shrinkToFit="1"/>
      <protection hidden="1"/>
    </xf>
    <xf numFmtId="38" fontId="27" fillId="0" borderId="0" xfId="10" applyFont="1" applyFill="1" applyBorder="1" applyAlignment="1" applyProtection="1">
      <alignment horizontal="right" vertical="center" shrinkToFit="1"/>
      <protection hidden="1"/>
    </xf>
    <xf numFmtId="38" fontId="63" fillId="0" borderId="23" xfId="10" applyFont="1" applyFill="1" applyBorder="1" applyAlignment="1" applyProtection="1">
      <alignment horizontal="right" vertical="center" shrinkToFit="1"/>
      <protection locked="0"/>
    </xf>
    <xf numFmtId="0" fontId="63" fillId="0" borderId="23" xfId="0" applyFont="1" applyBorder="1" applyAlignment="1" applyProtection="1">
      <alignment horizontal="right" vertical="center" wrapText="1"/>
      <protection locked="0"/>
    </xf>
    <xf numFmtId="0" fontId="57" fillId="0" borderId="0" xfId="0" applyFont="1" applyAlignment="1" applyProtection="1">
      <alignment horizontal="center" vertical="center" shrinkToFit="1"/>
      <protection hidden="1"/>
    </xf>
    <xf numFmtId="0" fontId="55" fillId="0" borderId="23" xfId="0" applyFont="1" applyBorder="1" applyAlignment="1" applyProtection="1">
      <alignment vertical="center" shrinkToFit="1"/>
      <protection locked="0"/>
    </xf>
    <xf numFmtId="38" fontId="14" fillId="0" borderId="23" xfId="0" applyNumberFormat="1" applyFont="1" applyBorder="1" applyProtection="1">
      <alignment vertical="center"/>
      <protection locked="0"/>
    </xf>
    <xf numFmtId="3" fontId="15" fillId="0" borderId="0" xfId="0" applyNumberFormat="1" applyFont="1" applyAlignment="1" applyProtection="1">
      <alignment vertical="center" shrinkToFit="1"/>
      <protection hidden="1"/>
    </xf>
    <xf numFmtId="0" fontId="84" fillId="0" borderId="0" xfId="0" applyFont="1" applyAlignment="1" applyProtection="1">
      <alignment horizontal="center" vertical="top" wrapText="1"/>
      <protection hidden="1"/>
    </xf>
    <xf numFmtId="0" fontId="12" fillId="0" borderId="0" xfId="0" applyFont="1" applyAlignment="1" applyProtection="1">
      <alignment horizontal="center" vertical="center"/>
      <protection hidden="1"/>
    </xf>
    <xf numFmtId="0" fontId="101" fillId="2" borderId="0" xfId="0" applyFont="1" applyFill="1" applyProtection="1">
      <alignment vertical="center"/>
      <protection hidden="1"/>
    </xf>
    <xf numFmtId="0" fontId="31" fillId="2" borderId="0" xfId="0" applyFont="1" applyFill="1" applyAlignment="1" applyProtection="1">
      <alignment horizontal="right" vertical="center"/>
      <protection hidden="1"/>
    </xf>
    <xf numFmtId="0" fontId="31" fillId="2" borderId="0" xfId="0" applyFont="1" applyFill="1" applyAlignment="1" applyProtection="1">
      <alignment vertical="center" wrapText="1"/>
      <protection hidden="1"/>
    </xf>
    <xf numFmtId="0" fontId="31" fillId="0" borderId="0" xfId="0" applyFont="1" applyAlignment="1" applyProtection="1">
      <alignment vertical="center" wrapText="1"/>
      <protection hidden="1"/>
    </xf>
    <xf numFmtId="0" fontId="31" fillId="0" borderId="0" xfId="0" applyFont="1" applyAlignment="1" applyProtection="1">
      <alignment horizontal="center" vertical="center" wrapText="1"/>
      <protection hidden="1"/>
    </xf>
    <xf numFmtId="49" fontId="32" fillId="0" borderId="0" xfId="0" applyNumberFormat="1" applyFont="1" applyAlignment="1" applyProtection="1">
      <alignment horizontal="center" vertical="center" shrinkToFit="1"/>
      <protection locked="0"/>
    </xf>
    <xf numFmtId="0" fontId="103" fillId="2" borderId="0" xfId="0" applyFont="1" applyFill="1" applyAlignment="1" applyProtection="1">
      <alignment horizontal="center" vertical="center"/>
      <protection hidden="1"/>
    </xf>
    <xf numFmtId="0" fontId="31" fillId="0" borderId="0" xfId="0" applyFont="1" applyAlignment="1" applyProtection="1">
      <alignment vertical="distributed" wrapText="1"/>
      <protection hidden="1"/>
    </xf>
    <xf numFmtId="49" fontId="89" fillId="0" borderId="0" xfId="0" applyNumberFormat="1" applyFont="1" applyAlignment="1" applyProtection="1">
      <alignment horizontal="center" vertical="center" shrinkToFit="1"/>
      <protection locked="0"/>
    </xf>
    <xf numFmtId="0" fontId="32" fillId="0" borderId="0" xfId="0" applyFont="1" applyAlignment="1" applyProtection="1">
      <alignment horizontal="left" vertical="distributed" shrinkToFit="1"/>
      <protection hidden="1"/>
    </xf>
    <xf numFmtId="49" fontId="31" fillId="0" borderId="0" xfId="0" applyNumberFormat="1" applyFont="1" applyAlignment="1" applyProtection="1">
      <alignment horizontal="center" vertical="center" shrinkToFit="1"/>
      <protection hidden="1"/>
    </xf>
    <xf numFmtId="38" fontId="30" fillId="0" borderId="0" xfId="6" applyFont="1" applyFill="1" applyBorder="1" applyAlignment="1" applyProtection="1">
      <alignment vertical="center"/>
      <protection hidden="1"/>
    </xf>
    <xf numFmtId="38" fontId="7" fillId="3" borderId="1" xfId="14" applyFont="1" applyFill="1" applyBorder="1" applyAlignment="1" applyProtection="1">
      <alignment vertical="center"/>
      <protection hidden="1"/>
    </xf>
    <xf numFmtId="38" fontId="7" fillId="3" borderId="2" xfId="14" applyFont="1" applyFill="1" applyBorder="1" applyAlignment="1" applyProtection="1">
      <alignment vertical="center"/>
      <protection hidden="1"/>
    </xf>
    <xf numFmtId="38" fontId="7" fillId="4" borderId="1" xfId="14" applyFont="1" applyFill="1" applyBorder="1" applyAlignment="1" applyProtection="1">
      <alignment vertical="center"/>
      <protection hidden="1"/>
    </xf>
    <xf numFmtId="38" fontId="7" fillId="4" borderId="2" xfId="14" applyFont="1" applyFill="1" applyBorder="1" applyAlignment="1" applyProtection="1">
      <alignment vertical="center"/>
      <protection hidden="1"/>
    </xf>
    <xf numFmtId="38" fontId="7" fillId="0" borderId="0" xfId="14" applyFont="1" applyFill="1" applyProtection="1">
      <alignment vertical="center"/>
      <protection hidden="1"/>
    </xf>
    <xf numFmtId="38" fontId="15" fillId="0" borderId="23" xfId="6" applyFont="1" applyFill="1" applyBorder="1" applyAlignment="1" applyProtection="1">
      <alignment vertical="center"/>
      <protection hidden="1"/>
    </xf>
    <xf numFmtId="0" fontId="44" fillId="0" borderId="0" xfId="0" applyFont="1" applyAlignment="1" applyProtection="1">
      <alignment shrinkToFit="1"/>
      <protection hidden="1"/>
    </xf>
    <xf numFmtId="0" fontId="59" fillId="0" borderId="0" xfId="0" applyFont="1" applyAlignment="1" applyProtection="1">
      <alignment horizontal="center" vertical="center"/>
      <protection hidden="1"/>
    </xf>
    <xf numFmtId="0" fontId="60" fillId="0" borderId="0" xfId="0" applyFont="1" applyProtection="1">
      <alignment vertical="center"/>
      <protection hidden="1"/>
    </xf>
    <xf numFmtId="0" fontId="61" fillId="0" borderId="0" xfId="0" applyFont="1" applyProtection="1">
      <alignment vertical="center"/>
      <protection hidden="1"/>
    </xf>
    <xf numFmtId="0" fontId="66" fillId="0" borderId="0" xfId="0" applyFont="1" applyAlignment="1" applyProtection="1">
      <alignment vertical="top" wrapText="1"/>
      <protection locked="0"/>
    </xf>
    <xf numFmtId="0" fontId="17" fillId="0" borderId="0" xfId="0" applyFont="1" applyAlignment="1" applyProtection="1">
      <alignment horizontal="center" vertical="center"/>
      <protection locked="0"/>
    </xf>
    <xf numFmtId="0" fontId="15" fillId="0" borderId="0" xfId="0" applyFont="1" applyAlignment="1" applyProtection="1">
      <alignment horizontal="left" vertical="center"/>
      <protection hidden="1"/>
    </xf>
    <xf numFmtId="0" fontId="65" fillId="0" borderId="0" xfId="0" applyFont="1" applyAlignment="1" applyProtection="1">
      <alignment horizontal="center" vertical="center"/>
      <protection locked="0"/>
    </xf>
    <xf numFmtId="0" fontId="7" fillId="2" borderId="0" xfId="0" applyFont="1" applyFill="1" applyAlignment="1" applyProtection="1">
      <protection hidden="1"/>
    </xf>
    <xf numFmtId="0" fontId="31" fillId="0" borderId="0" xfId="0" applyFont="1" applyAlignment="1" applyProtection="1">
      <alignment horizontal="center" vertical="center"/>
      <protection hidden="1"/>
    </xf>
    <xf numFmtId="0" fontId="32" fillId="0" borderId="0" xfId="0" applyFont="1" applyAlignment="1" applyProtection="1">
      <alignment horizontal="left" shrinkToFit="1"/>
      <protection hidden="1"/>
    </xf>
    <xf numFmtId="0" fontId="30" fillId="0" borderId="0" xfId="0" applyFont="1" applyAlignment="1" applyProtection="1">
      <alignment horizontal="left" vertical="center" wrapText="1"/>
      <protection hidden="1"/>
    </xf>
    <xf numFmtId="0" fontId="32" fillId="0" borderId="0" xfId="0" applyFont="1" applyAlignment="1" applyProtection="1">
      <alignment horizontal="center" vertical="center" shrinkToFit="1"/>
      <protection hidden="1"/>
    </xf>
    <xf numFmtId="0" fontId="32" fillId="0" borderId="0" xfId="0" applyFont="1" applyAlignment="1" applyProtection="1">
      <alignment horizontal="left" vertical="center" shrinkToFit="1"/>
      <protection hidden="1"/>
    </xf>
    <xf numFmtId="38" fontId="36" fillId="0" borderId="0" xfId="6" applyFont="1" applyFill="1" applyBorder="1" applyAlignment="1" applyProtection="1">
      <alignment horizontal="center" vertical="center" shrinkToFit="1"/>
      <protection hidden="1"/>
    </xf>
    <xf numFmtId="49" fontId="32" fillId="0" borderId="0" xfId="0" applyNumberFormat="1" applyFont="1" applyAlignment="1" applyProtection="1">
      <alignment horizontal="center" shrinkToFit="1"/>
      <protection locked="0"/>
    </xf>
    <xf numFmtId="0" fontId="31" fillId="2" borderId="0" xfId="0" applyFont="1" applyFill="1" applyAlignment="1" applyProtection="1">
      <alignment horizontal="center" vertical="center"/>
      <protection hidden="1"/>
    </xf>
    <xf numFmtId="0" fontId="31" fillId="2" borderId="0" xfId="0" applyFont="1" applyFill="1" applyAlignment="1" applyProtection="1">
      <alignment horizontal="left" vertical="center" wrapText="1"/>
      <protection hidden="1"/>
    </xf>
    <xf numFmtId="0" fontId="34" fillId="0" borderId="0" xfId="0" applyFont="1" applyAlignment="1" applyProtection="1">
      <alignment horizontal="right" vertical="top"/>
      <protection hidden="1"/>
    </xf>
    <xf numFmtId="0" fontId="18" fillId="0" borderId="0" xfId="0" applyFont="1" applyAlignment="1" applyProtection="1">
      <alignment horizontal="center" vertical="center"/>
      <protection hidden="1"/>
    </xf>
    <xf numFmtId="0" fontId="93" fillId="2" borderId="23" xfId="0" applyFont="1" applyFill="1" applyBorder="1" applyAlignment="1" applyProtection="1">
      <alignment horizontal="right" vertical="center"/>
      <protection locked="0"/>
    </xf>
    <xf numFmtId="0" fontId="36" fillId="0" borderId="0" xfId="0" applyFont="1" applyProtection="1">
      <alignment vertical="center"/>
      <protection hidden="1"/>
    </xf>
    <xf numFmtId="49" fontId="36" fillId="0" borderId="0" xfId="0" applyNumberFormat="1" applyFont="1" applyProtection="1">
      <alignment vertical="center"/>
      <protection hidden="1"/>
    </xf>
    <xf numFmtId="38" fontId="7" fillId="0" borderId="0" xfId="6" applyFont="1" applyBorder="1" applyProtection="1">
      <alignment vertical="center"/>
      <protection hidden="1"/>
    </xf>
    <xf numFmtId="49" fontId="36" fillId="0" borderId="0" xfId="0" applyNumberFormat="1" applyFont="1">
      <alignment vertical="center"/>
    </xf>
    <xf numFmtId="49" fontId="36" fillId="0" borderId="0" xfId="0" applyNumberFormat="1" applyFont="1" applyAlignment="1">
      <alignment horizontal="center" vertical="center"/>
    </xf>
    <xf numFmtId="181" fontId="32" fillId="0" borderId="0" xfId="0" applyNumberFormat="1" applyFont="1" applyAlignment="1">
      <alignment horizontal="center" vertical="center" shrinkToFit="1"/>
    </xf>
    <xf numFmtId="0" fontId="7" fillId="2" borderId="0" xfId="0" applyFont="1" applyFill="1">
      <alignment vertical="center"/>
    </xf>
    <xf numFmtId="0" fontId="7" fillId="0" borderId="0" xfId="0" applyFont="1">
      <alignment vertical="center"/>
    </xf>
    <xf numFmtId="0" fontId="10" fillId="0" borderId="0" xfId="0" applyFont="1" applyAlignment="1">
      <alignment horizontal="center" vertical="center" shrinkToFit="1"/>
    </xf>
    <xf numFmtId="0" fontId="15" fillId="0" borderId="0" xfId="0" applyFont="1">
      <alignment vertical="center"/>
    </xf>
    <xf numFmtId="0" fontId="100" fillId="0" borderId="0" xfId="0" applyFont="1" applyAlignment="1">
      <alignment horizontal="center" vertical="center"/>
    </xf>
    <xf numFmtId="38" fontId="63" fillId="0" borderId="7" xfId="11" applyFont="1" applyFill="1" applyBorder="1" applyAlignment="1" applyProtection="1">
      <alignment horizontal="right" vertical="center" shrinkToFit="1"/>
      <protection locked="0"/>
    </xf>
    <xf numFmtId="0" fontId="108" fillId="0" borderId="148" xfId="0" applyFont="1" applyBorder="1" applyAlignment="1" applyProtection="1">
      <alignment horizontal="left" vertical="center" shrinkToFit="1"/>
      <protection hidden="1"/>
    </xf>
    <xf numFmtId="0" fontId="108" fillId="0" borderId="22" xfId="0" applyFont="1" applyBorder="1" applyAlignment="1" applyProtection="1">
      <alignment horizontal="left" vertical="center" shrinkToFit="1"/>
      <protection hidden="1"/>
    </xf>
    <xf numFmtId="0" fontId="108" fillId="0" borderId="0" xfId="0" applyFont="1" applyAlignment="1" applyProtection="1">
      <alignment horizontal="left" vertical="center" shrinkToFit="1"/>
      <protection hidden="1"/>
    </xf>
    <xf numFmtId="0" fontId="108" fillId="0" borderId="0" xfId="0" applyFont="1" applyAlignment="1" applyProtection="1">
      <alignment vertical="center" shrinkToFit="1"/>
      <protection hidden="1"/>
    </xf>
    <xf numFmtId="0" fontId="108" fillId="0" borderId="83" xfId="0" applyFont="1" applyBorder="1" applyProtection="1">
      <alignment vertical="center"/>
      <protection hidden="1"/>
    </xf>
    <xf numFmtId="0" fontId="108" fillId="0" borderId="0" xfId="0" applyFont="1" applyProtection="1">
      <alignment vertical="center"/>
      <protection hidden="1"/>
    </xf>
    <xf numFmtId="0" fontId="108" fillId="0" borderId="148" xfId="0" applyFont="1" applyBorder="1" applyProtection="1">
      <alignment vertical="center"/>
      <protection hidden="1"/>
    </xf>
    <xf numFmtId="0" fontId="108" fillId="0" borderId="22" xfId="0" applyFont="1" applyBorder="1" applyProtection="1">
      <alignment vertical="center"/>
      <protection hidden="1"/>
    </xf>
    <xf numFmtId="0" fontId="108" fillId="0" borderId="188" xfId="0" applyFont="1" applyBorder="1" applyAlignment="1" applyProtection="1">
      <alignment vertical="center" shrinkToFit="1"/>
      <protection hidden="1"/>
    </xf>
    <xf numFmtId="49" fontId="108" fillId="0" borderId="188" xfId="0" applyNumberFormat="1" applyFont="1" applyBorder="1" applyAlignment="1">
      <alignment vertical="center" shrinkToFit="1"/>
    </xf>
    <xf numFmtId="0" fontId="108" fillId="0" borderId="0" xfId="0" applyFont="1" applyAlignment="1" applyProtection="1">
      <alignment horizontal="center" vertical="center"/>
      <protection hidden="1"/>
    </xf>
    <xf numFmtId="0" fontId="108" fillId="0" borderId="66" xfId="0" applyFont="1" applyBorder="1" applyProtection="1">
      <alignment vertical="center"/>
      <protection hidden="1"/>
    </xf>
    <xf numFmtId="49" fontId="108" fillId="0" borderId="188" xfId="0" applyNumberFormat="1" applyFont="1" applyBorder="1" applyAlignment="1" applyProtection="1">
      <alignment vertical="center" shrinkToFit="1"/>
      <protection hidden="1"/>
    </xf>
    <xf numFmtId="0" fontId="108" fillId="0" borderId="0" xfId="0" applyFont="1" applyAlignment="1" applyProtection="1">
      <alignment horizontal="center" vertical="center" shrinkToFit="1"/>
      <protection hidden="1"/>
    </xf>
    <xf numFmtId="0" fontId="108" fillId="0" borderId="66" xfId="0" applyFont="1" applyBorder="1" applyAlignment="1" applyProtection="1">
      <alignment vertical="center" shrinkToFit="1"/>
      <protection hidden="1"/>
    </xf>
    <xf numFmtId="0" fontId="108" fillId="0" borderId="115" xfId="0" applyFont="1" applyBorder="1" applyAlignment="1" applyProtection="1">
      <alignment vertical="distributed" shrinkToFit="1"/>
      <protection hidden="1"/>
    </xf>
    <xf numFmtId="49" fontId="110" fillId="0" borderId="0" xfId="0" applyNumberFormat="1" applyFont="1" applyAlignment="1">
      <alignment horizontal="center" vertical="center"/>
    </xf>
    <xf numFmtId="0" fontId="108" fillId="0" borderId="83" xfId="0" applyFont="1" applyBorder="1" applyAlignment="1" applyProtection="1">
      <alignment vertical="center" shrinkToFit="1"/>
      <protection hidden="1"/>
    </xf>
    <xf numFmtId="0" fontId="112" fillId="0" borderId="0" xfId="0" applyFont="1" applyProtection="1">
      <alignment vertical="center"/>
      <protection hidden="1"/>
    </xf>
    <xf numFmtId="0" fontId="112" fillId="0" borderId="0" xfId="0" applyFont="1" applyAlignment="1" applyProtection="1">
      <alignment vertical="center" wrapText="1" shrinkToFit="1"/>
      <protection hidden="1"/>
    </xf>
    <xf numFmtId="0" fontId="113" fillId="0" borderId="0" xfId="0" applyFont="1" applyProtection="1">
      <alignment vertical="center"/>
      <protection hidden="1"/>
    </xf>
    <xf numFmtId="38" fontId="111" fillId="0" borderId="0" xfId="6" applyFont="1" applyFill="1" applyBorder="1" applyAlignment="1" applyProtection="1">
      <alignment horizontal="center" vertical="center" shrinkToFit="1"/>
      <protection hidden="1"/>
    </xf>
    <xf numFmtId="0" fontId="108" fillId="0" borderId="0" xfId="0" applyFont="1" applyAlignment="1" applyProtection="1">
      <alignment horizontal="left" shrinkToFit="1"/>
      <protection hidden="1"/>
    </xf>
    <xf numFmtId="0" fontId="112" fillId="0" borderId="0" xfId="0" applyFont="1" applyAlignment="1" applyProtection="1">
      <alignment horizontal="left" vertical="center" wrapText="1"/>
      <protection hidden="1"/>
    </xf>
    <xf numFmtId="0" fontId="114" fillId="0" borderId="0" xfId="0" applyFont="1" applyProtection="1">
      <alignment vertical="center"/>
      <protection hidden="1"/>
    </xf>
    <xf numFmtId="0" fontId="115" fillId="0" borderId="35" xfId="0" applyFont="1" applyBorder="1" applyProtection="1">
      <alignment vertical="center"/>
      <protection hidden="1"/>
    </xf>
    <xf numFmtId="0" fontId="115" fillId="0" borderId="20" xfId="0" applyFont="1" applyBorder="1" applyProtection="1">
      <alignment vertical="center"/>
      <protection hidden="1"/>
    </xf>
    <xf numFmtId="49" fontId="115" fillId="0" borderId="20" xfId="0" applyNumberFormat="1" applyFont="1" applyBorder="1" applyProtection="1">
      <alignment vertical="center"/>
      <protection hidden="1"/>
    </xf>
    <xf numFmtId="49" fontId="115" fillId="0" borderId="33" xfId="0" applyNumberFormat="1" applyFont="1" applyBorder="1" applyProtection="1">
      <alignment vertical="center"/>
      <protection hidden="1"/>
    </xf>
    <xf numFmtId="0" fontId="31" fillId="2" borderId="0" xfId="0" applyFont="1" applyFill="1" applyAlignment="1" applyProtection="1">
      <alignment horizontal="center" vertical="center" wrapText="1"/>
      <protection hidden="1"/>
    </xf>
    <xf numFmtId="0" fontId="23" fillId="3" borderId="22" xfId="0" applyFont="1" applyFill="1" applyBorder="1" applyAlignment="1" applyProtection="1">
      <alignment horizontal="right" vertical="center"/>
      <protection hidden="1"/>
    </xf>
    <xf numFmtId="0" fontId="94" fillId="0" borderId="0" xfId="0" applyFont="1" applyAlignment="1" applyProtection="1">
      <alignment horizontal="center" vertical="center" shrinkToFit="1"/>
      <protection locked="0"/>
    </xf>
    <xf numFmtId="0" fontId="93" fillId="0" borderId="23" xfId="0" applyFont="1" applyBorder="1" applyAlignment="1" applyProtection="1">
      <alignment horizontal="center" vertical="center" shrinkToFit="1"/>
      <protection locked="0"/>
    </xf>
    <xf numFmtId="0" fontId="94" fillId="0" borderId="23" xfId="0" applyFont="1" applyBorder="1" applyAlignment="1" applyProtection="1">
      <alignment horizontal="center" vertical="center" shrinkToFit="1"/>
      <protection locked="0"/>
    </xf>
    <xf numFmtId="0" fontId="93" fillId="2" borderId="23" xfId="0" applyFont="1" applyFill="1" applyBorder="1" applyAlignment="1" applyProtection="1">
      <alignment horizontal="center" vertical="center" shrinkToFit="1"/>
      <protection locked="0"/>
    </xf>
    <xf numFmtId="0" fontId="34" fillId="0" borderId="0" xfId="0" applyFont="1" applyAlignment="1" applyProtection="1">
      <alignment vertical="top"/>
      <protection hidden="1"/>
    </xf>
    <xf numFmtId="0" fontId="10" fillId="2" borderId="0" xfId="0" applyFont="1" applyFill="1" applyProtection="1">
      <alignment vertical="center"/>
      <protection hidden="1"/>
    </xf>
    <xf numFmtId="0" fontId="10" fillId="2" borderId="0" xfId="0" applyFont="1" applyFill="1" applyAlignment="1" applyProtection="1">
      <alignment horizontal="center" vertical="center"/>
      <protection hidden="1"/>
    </xf>
    <xf numFmtId="0" fontId="10" fillId="2" borderId="0" xfId="0" applyFont="1" applyFill="1" applyAlignment="1">
      <alignment horizontal="center" vertical="center"/>
    </xf>
    <xf numFmtId="0" fontId="10" fillId="2" borderId="0" xfId="0" applyFont="1" applyFill="1" applyAlignment="1" applyProtection="1">
      <alignment horizontal="right" vertical="center"/>
      <protection locked="0"/>
    </xf>
    <xf numFmtId="0" fontId="10" fillId="0" borderId="0" xfId="0" applyFont="1" applyAlignment="1" applyProtection="1">
      <alignment horizontal="center" vertical="center" shrinkToFit="1"/>
      <protection locked="0"/>
    </xf>
    <xf numFmtId="0" fontId="117" fillId="2" borderId="0" xfId="0" applyFont="1" applyFill="1" applyAlignment="1" applyProtection="1">
      <alignment horizontal="center" vertical="center"/>
      <protection hidden="1"/>
    </xf>
    <xf numFmtId="38" fontId="10" fillId="2" borderId="0" xfId="6" applyFont="1" applyFill="1" applyProtection="1">
      <alignment vertical="center"/>
      <protection hidden="1"/>
    </xf>
    <xf numFmtId="0" fontId="10" fillId="0" borderId="0" xfId="0" applyFont="1" applyAlignment="1" applyProtection="1">
      <alignment vertical="center" wrapText="1"/>
      <protection hidden="1"/>
    </xf>
    <xf numFmtId="0" fontId="10" fillId="2" borderId="0" xfId="0" applyFont="1" applyFill="1" applyAlignment="1" applyProtection="1">
      <alignment horizontal="left" vertical="center" wrapText="1"/>
      <protection hidden="1"/>
    </xf>
    <xf numFmtId="0" fontId="10" fillId="0" borderId="0" xfId="0" applyFont="1" applyAlignment="1" applyProtection="1">
      <alignment horizontal="center" vertical="center" wrapText="1"/>
      <protection hidden="1"/>
    </xf>
    <xf numFmtId="0" fontId="93" fillId="0" borderId="0" xfId="0" applyFont="1" applyAlignment="1" applyProtection="1">
      <alignment horizontal="center" vertical="center" shrinkToFit="1"/>
      <protection locked="0"/>
    </xf>
    <xf numFmtId="0" fontId="14" fillId="0" borderId="0" xfId="0" applyFont="1" applyAlignment="1" applyProtection="1">
      <alignment horizontal="right" vertical="center"/>
      <protection hidden="1"/>
    </xf>
    <xf numFmtId="0" fontId="49" fillId="0" borderId="0" xfId="0" applyFont="1" applyAlignment="1" applyProtection="1">
      <alignment horizontal="center" vertical="center" wrapText="1"/>
      <protection hidden="1"/>
    </xf>
    <xf numFmtId="0" fontId="9" fillId="0" borderId="0" xfId="0" applyFont="1" applyAlignment="1" applyProtection="1">
      <alignment horizontal="center"/>
      <protection hidden="1"/>
    </xf>
    <xf numFmtId="0" fontId="85" fillId="0" borderId="0" xfId="0" applyFont="1" applyAlignment="1" applyProtection="1">
      <alignment horizontal="left" vertical="center" shrinkToFit="1"/>
      <protection hidden="1"/>
    </xf>
    <xf numFmtId="0" fontId="85" fillId="0" borderId="0" xfId="0" applyFont="1" applyAlignment="1" applyProtection="1">
      <alignment horizontal="left" vertical="center" wrapText="1" shrinkToFit="1"/>
      <protection hidden="1"/>
    </xf>
    <xf numFmtId="0" fontId="14" fillId="0" borderId="23" xfId="0" applyFont="1" applyBorder="1" applyAlignment="1" applyProtection="1">
      <alignment horizontal="right" vertical="center"/>
      <protection hidden="1"/>
    </xf>
    <xf numFmtId="0" fontId="14" fillId="2" borderId="23" xfId="0" applyFont="1" applyFill="1" applyBorder="1" applyAlignment="1" applyProtection="1">
      <alignment horizontal="right" vertical="center"/>
      <protection hidden="1"/>
    </xf>
    <xf numFmtId="0" fontId="14" fillId="2" borderId="23" xfId="0" applyFont="1" applyFill="1" applyBorder="1" applyAlignment="1" applyProtection="1">
      <alignment horizontal="center" vertical="center" shrinkToFit="1"/>
      <protection locked="0"/>
    </xf>
    <xf numFmtId="0" fontId="13" fillId="0" borderId="0" xfId="0" applyFont="1" applyProtection="1">
      <alignment vertical="center"/>
      <protection hidden="1"/>
    </xf>
    <xf numFmtId="0" fontId="21" fillId="2" borderId="0" xfId="0" applyFont="1" applyFill="1" applyAlignment="1" applyProtection="1">
      <alignment horizontal="center" vertical="center"/>
      <protection hidden="1"/>
    </xf>
    <xf numFmtId="0" fontId="14" fillId="0" borderId="23" xfId="0" applyFont="1" applyBorder="1" applyProtection="1">
      <alignment vertical="center"/>
      <protection hidden="1"/>
    </xf>
    <xf numFmtId="0" fontId="27" fillId="0" borderId="0" xfId="0" applyFont="1" applyAlignment="1" applyProtection="1">
      <alignment horizontal="center" vertical="center"/>
      <protection hidden="1"/>
    </xf>
    <xf numFmtId="0" fontId="14" fillId="0" borderId="23" xfId="0" applyFont="1" applyBorder="1" applyAlignment="1" applyProtection="1">
      <alignment horizontal="center" vertical="center" shrinkToFit="1"/>
      <protection locked="0"/>
    </xf>
    <xf numFmtId="3" fontId="14" fillId="0" borderId="23" xfId="0" applyNumberFormat="1" applyFont="1" applyBorder="1" applyAlignment="1" applyProtection="1">
      <alignment vertical="center" shrinkToFit="1"/>
      <protection hidden="1"/>
    </xf>
    <xf numFmtId="0" fontId="14" fillId="0" borderId="0" xfId="0" applyFont="1" applyAlignment="1" applyProtection="1">
      <alignment horizontal="center" vertical="center" shrinkToFit="1"/>
      <protection locked="0"/>
    </xf>
    <xf numFmtId="0" fontId="14" fillId="0" borderId="0" xfId="0" applyFont="1" applyAlignment="1" applyProtection="1">
      <alignment horizontal="center" vertical="center" shrinkToFit="1"/>
      <protection hidden="1"/>
    </xf>
    <xf numFmtId="0" fontId="13" fillId="0" borderId="23" xfId="0" applyFont="1" applyBorder="1" applyAlignment="1" applyProtection="1">
      <alignment horizontal="center" vertical="center" shrinkToFit="1"/>
      <protection hidden="1"/>
    </xf>
    <xf numFmtId="0" fontId="13" fillId="0" borderId="23" xfId="0" applyFont="1" applyBorder="1" applyAlignment="1" applyProtection="1">
      <alignment horizontal="center" vertical="center" shrinkToFit="1"/>
      <protection locked="0"/>
    </xf>
    <xf numFmtId="0" fontId="14" fillId="2" borderId="0" xfId="0" applyFont="1" applyFill="1" applyAlignment="1" applyProtection="1">
      <alignment horizontal="center" vertical="center" shrinkToFit="1"/>
      <protection locked="0"/>
    </xf>
    <xf numFmtId="0" fontId="13" fillId="0" borderId="0" xfId="0" applyFont="1" applyAlignment="1" applyProtection="1">
      <alignment horizontal="center" vertical="center" shrinkToFit="1"/>
      <protection locked="0"/>
    </xf>
    <xf numFmtId="0" fontId="14" fillId="0" borderId="5" xfId="0" applyFont="1" applyBorder="1" applyAlignment="1" applyProtection="1">
      <alignment horizontal="center" vertical="center" shrinkToFit="1"/>
      <protection locked="0"/>
    </xf>
    <xf numFmtId="0" fontId="14" fillId="0" borderId="3" xfId="0" applyFont="1" applyBorder="1" applyAlignment="1" applyProtection="1">
      <alignment horizontal="center" vertical="center" shrinkToFit="1"/>
      <protection locked="0"/>
    </xf>
    <xf numFmtId="0" fontId="13" fillId="0" borderId="114" xfId="0" applyFont="1" applyBorder="1" applyAlignment="1" applyProtection="1">
      <alignment horizontal="center" vertical="center" shrinkToFit="1"/>
      <protection locked="0"/>
    </xf>
    <xf numFmtId="0" fontId="14" fillId="0" borderId="23" xfId="0" applyFont="1" applyBorder="1" applyAlignment="1" applyProtection="1">
      <alignment vertical="center" shrinkToFit="1"/>
      <protection hidden="1"/>
    </xf>
    <xf numFmtId="0" fontId="15" fillId="0" borderId="23" xfId="0" applyFont="1" applyBorder="1" applyProtection="1">
      <alignment vertical="center"/>
      <protection hidden="1"/>
    </xf>
    <xf numFmtId="0" fontId="15" fillId="2" borderId="23" xfId="0" applyFont="1" applyFill="1" applyBorder="1" applyAlignment="1" applyProtection="1">
      <alignment horizontal="center" vertical="center" shrinkToFit="1"/>
      <protection locked="0"/>
    </xf>
    <xf numFmtId="0" fontId="15" fillId="50" borderId="23" xfId="0" applyFont="1" applyFill="1" applyBorder="1" applyProtection="1">
      <alignment vertical="center"/>
      <protection locked="0"/>
    </xf>
    <xf numFmtId="38" fontId="20" fillId="50" borderId="32" xfId="6" applyFont="1" applyFill="1" applyBorder="1" applyAlignment="1" applyProtection="1">
      <alignment vertical="center" shrinkToFit="1"/>
      <protection locked="0" hidden="1"/>
    </xf>
    <xf numFmtId="38" fontId="20" fillId="50" borderId="3" xfId="6" applyFont="1" applyFill="1" applyBorder="1" applyAlignment="1" applyProtection="1">
      <alignment vertical="center" shrinkToFit="1"/>
      <protection locked="0" hidden="1"/>
    </xf>
    <xf numFmtId="0" fontId="10" fillId="50" borderId="3" xfId="0" applyFont="1" applyFill="1" applyBorder="1" applyAlignment="1" applyProtection="1">
      <alignment horizontal="center" vertical="center"/>
      <protection hidden="1"/>
    </xf>
    <xf numFmtId="0" fontId="10" fillId="50" borderId="4" xfId="0" applyFont="1" applyFill="1" applyBorder="1" applyAlignment="1" applyProtection="1">
      <alignment horizontal="center" vertical="center"/>
      <protection hidden="1"/>
    </xf>
    <xf numFmtId="38" fontId="15" fillId="0" borderId="23" xfId="6" applyFont="1" applyFill="1" applyBorder="1" applyAlignment="1" applyProtection="1">
      <alignment horizontal="center" vertical="center" shrinkToFit="1"/>
      <protection locked="0"/>
    </xf>
    <xf numFmtId="0" fontId="15" fillId="50" borderId="23" xfId="0" applyFont="1" applyFill="1" applyBorder="1" applyAlignment="1" applyProtection="1">
      <alignment horizontal="center" vertical="center" shrinkToFit="1"/>
      <protection locked="0"/>
    </xf>
    <xf numFmtId="0" fontId="31" fillId="2" borderId="0" xfId="0" applyFont="1" applyFill="1" applyAlignment="1">
      <alignment horizontal="center" vertical="center"/>
    </xf>
    <xf numFmtId="0" fontId="122" fillId="0" borderId="0" xfId="0" applyFont="1" applyAlignment="1" applyProtection="1">
      <alignment vertical="center" wrapText="1" shrinkToFit="1"/>
      <protection hidden="1"/>
    </xf>
    <xf numFmtId="0" fontId="123" fillId="0" borderId="0" xfId="0" applyFont="1" applyAlignment="1" applyProtection="1">
      <alignment vertical="center" wrapText="1" shrinkToFit="1"/>
      <protection hidden="1"/>
    </xf>
    <xf numFmtId="0" fontId="123" fillId="0" borderId="0" xfId="0" applyFont="1" applyAlignment="1" applyProtection="1">
      <alignment horizontal="left" vertical="center" wrapText="1"/>
      <protection hidden="1"/>
    </xf>
    <xf numFmtId="0" fontId="123" fillId="0" borderId="0" xfId="0" applyFont="1" applyProtection="1">
      <alignment vertical="center"/>
      <protection hidden="1"/>
    </xf>
    <xf numFmtId="0" fontId="125" fillId="0" borderId="0" xfId="0" applyFont="1" applyAlignment="1" applyProtection="1">
      <alignment horizontal="center" vertical="center" shrinkToFit="1"/>
      <protection hidden="1"/>
    </xf>
    <xf numFmtId="181" fontId="125" fillId="0" borderId="0" xfId="0" applyNumberFormat="1" applyFont="1" applyAlignment="1">
      <alignment horizontal="center" vertical="center" shrinkToFit="1"/>
    </xf>
    <xf numFmtId="0" fontId="125" fillId="0" borderId="0" xfId="0" applyFont="1" applyAlignment="1" applyProtection="1">
      <alignment vertical="center" shrinkToFit="1"/>
      <protection hidden="1"/>
    </xf>
    <xf numFmtId="14" fontId="65" fillId="0" borderId="0" xfId="0" applyNumberFormat="1" applyFont="1" applyAlignment="1">
      <alignment horizontal="left" vertical="center"/>
    </xf>
    <xf numFmtId="0" fontId="87" fillId="0" borderId="0" xfId="0" applyFont="1" applyAlignment="1">
      <alignment vertical="center" wrapText="1"/>
    </xf>
    <xf numFmtId="0" fontId="84" fillId="39" borderId="0" xfId="0" applyFont="1" applyFill="1">
      <alignment vertical="center"/>
    </xf>
    <xf numFmtId="0" fontId="0" fillId="39" borderId="0" xfId="0" applyFill="1">
      <alignment vertical="center"/>
    </xf>
    <xf numFmtId="0" fontId="8" fillId="0" borderId="0" xfId="0" applyFont="1" applyAlignment="1" applyProtection="1">
      <alignment horizontal="left" vertical="center"/>
      <protection hidden="1"/>
    </xf>
    <xf numFmtId="0" fontId="10" fillId="0" borderId="0" xfId="0" applyFont="1" applyAlignment="1" applyProtection="1">
      <alignment horizontal="center" vertical="center"/>
      <protection locked="0"/>
    </xf>
    <xf numFmtId="0" fontId="8" fillId="0" borderId="0" xfId="0" applyFont="1" applyAlignment="1" applyProtection="1">
      <alignment horizontal="left" vertical="top" wrapText="1"/>
      <protection hidden="1"/>
    </xf>
    <xf numFmtId="0" fontId="108" fillId="0" borderId="0" xfId="0" applyFont="1" applyAlignment="1" applyProtection="1">
      <alignment horizontal="left" vertical="center" shrinkToFit="1"/>
      <protection hidden="1"/>
    </xf>
    <xf numFmtId="0" fontId="113" fillId="0" borderId="0" xfId="0" applyFont="1" applyAlignment="1" applyProtection="1">
      <alignment horizontal="left" vertical="center" shrinkToFit="1"/>
      <protection hidden="1"/>
    </xf>
    <xf numFmtId="38" fontId="111" fillId="0" borderId="35" xfId="6" applyFont="1" applyFill="1" applyBorder="1" applyAlignment="1" applyProtection="1">
      <alignment horizontal="center" vertical="center" shrinkToFit="1"/>
      <protection hidden="1"/>
    </xf>
    <xf numFmtId="38" fontId="111" fillId="0" borderId="20" xfId="6" applyFont="1" applyFill="1" applyBorder="1" applyAlignment="1" applyProtection="1">
      <alignment horizontal="center" vertical="center" shrinkToFit="1"/>
      <protection hidden="1"/>
    </xf>
    <xf numFmtId="38" fontId="111" fillId="0" borderId="33" xfId="6" applyFont="1" applyFill="1" applyBorder="1" applyAlignment="1" applyProtection="1">
      <alignment horizontal="center" vertical="center" shrinkToFit="1"/>
      <protection hidden="1"/>
    </xf>
    <xf numFmtId="0" fontId="108" fillId="0" borderId="0" xfId="0" applyFont="1" applyAlignment="1" applyProtection="1">
      <alignment horizontal="left" shrinkToFit="1"/>
      <protection hidden="1"/>
    </xf>
    <xf numFmtId="0" fontId="108" fillId="0" borderId="0" xfId="0" applyFont="1" applyAlignment="1" applyProtection="1">
      <alignment horizontal="left" vertical="center" wrapText="1"/>
      <protection hidden="1"/>
    </xf>
    <xf numFmtId="0" fontId="108" fillId="6" borderId="1" xfId="0" applyFont="1" applyFill="1" applyBorder="1" applyAlignment="1" applyProtection="1">
      <alignment horizontal="center" vertical="center" shrinkToFit="1"/>
      <protection hidden="1"/>
    </xf>
    <xf numFmtId="0" fontId="108" fillId="6" borderId="7" xfId="0" applyFont="1" applyFill="1" applyBorder="1" applyAlignment="1" applyProtection="1">
      <alignment horizontal="center" vertical="center" shrinkToFit="1"/>
      <protection hidden="1"/>
    </xf>
    <xf numFmtId="0" fontId="108" fillId="6" borderId="2" xfId="0" applyFont="1" applyFill="1" applyBorder="1" applyAlignment="1" applyProtection="1">
      <alignment horizontal="center" vertical="center" shrinkToFit="1"/>
      <protection hidden="1"/>
    </xf>
    <xf numFmtId="181" fontId="108" fillId="0" borderId="35" xfId="0" applyNumberFormat="1" applyFont="1" applyBorder="1" applyAlignment="1" applyProtection="1">
      <alignment horizontal="center" vertical="center" shrinkToFit="1"/>
      <protection locked="0"/>
    </xf>
    <xf numFmtId="181" fontId="108" fillId="0" borderId="20" xfId="0" applyNumberFormat="1" applyFont="1" applyBorder="1" applyAlignment="1" applyProtection="1">
      <alignment horizontal="center" vertical="center" shrinkToFit="1"/>
      <protection locked="0"/>
    </xf>
    <xf numFmtId="0" fontId="108" fillId="0" borderId="20" xfId="0" applyFont="1" applyBorder="1" applyAlignment="1" applyProtection="1">
      <alignment horizontal="center" vertical="center"/>
      <protection hidden="1"/>
    </xf>
    <xf numFmtId="0" fontId="108" fillId="0" borderId="20" xfId="0" applyFont="1" applyBorder="1" applyAlignment="1" applyProtection="1">
      <alignment horizontal="center" vertical="center" shrinkToFit="1"/>
      <protection hidden="1"/>
    </xf>
    <xf numFmtId="181" fontId="108" fillId="0" borderId="0" xfId="0" applyNumberFormat="1" applyFont="1" applyAlignment="1">
      <alignment horizontal="center" vertical="center" shrinkToFit="1"/>
    </xf>
    <xf numFmtId="0" fontId="108" fillId="0" borderId="0" xfId="0" applyFont="1" applyAlignment="1" applyProtection="1">
      <alignment horizontal="center" vertical="center" shrinkToFit="1"/>
      <protection hidden="1"/>
    </xf>
    <xf numFmtId="49" fontId="107" fillId="0" borderId="7" xfId="0" applyNumberFormat="1" applyFont="1" applyBorder="1" applyAlignment="1" applyProtection="1">
      <alignment horizontal="center" vertical="center" shrinkToFit="1"/>
      <protection hidden="1"/>
    </xf>
    <xf numFmtId="49" fontId="108" fillId="0" borderId="7" xfId="0" applyNumberFormat="1" applyFont="1" applyBorder="1" applyAlignment="1" applyProtection="1">
      <alignment horizontal="center" vertical="center" shrinkToFit="1"/>
      <protection locked="0"/>
    </xf>
    <xf numFmtId="49" fontId="108" fillId="0" borderId="2" xfId="0" applyNumberFormat="1" applyFont="1" applyBorder="1" applyAlignment="1" applyProtection="1">
      <alignment horizontal="center" vertical="center" shrinkToFit="1"/>
      <protection locked="0"/>
    </xf>
    <xf numFmtId="181" fontId="108" fillId="0" borderId="35" xfId="0" applyNumberFormat="1" applyFont="1" applyBorder="1" applyAlignment="1">
      <alignment horizontal="center" vertical="center" shrinkToFit="1"/>
    </xf>
    <xf numFmtId="181" fontId="108" fillId="0" borderId="20" xfId="0" applyNumberFormat="1" applyFont="1" applyBorder="1" applyAlignment="1">
      <alignment horizontal="center" vertical="center" shrinkToFit="1"/>
    </xf>
    <xf numFmtId="49" fontId="108" fillId="0" borderId="173" xfId="0" applyNumberFormat="1" applyFont="1" applyBorder="1" applyAlignment="1" applyProtection="1">
      <alignment horizontal="center" shrinkToFit="1"/>
      <protection locked="0"/>
    </xf>
    <xf numFmtId="49" fontId="108" fillId="0" borderId="171" xfId="0" applyNumberFormat="1" applyFont="1" applyBorder="1" applyAlignment="1" applyProtection="1">
      <alignment horizontal="center" shrinkToFit="1"/>
      <protection locked="0"/>
    </xf>
    <xf numFmtId="49" fontId="108" fillId="0" borderId="178" xfId="0" applyNumberFormat="1" applyFont="1" applyBorder="1" applyAlignment="1" applyProtection="1">
      <alignment horizontal="center" shrinkToFit="1"/>
      <protection locked="0"/>
    </xf>
    <xf numFmtId="49" fontId="108" fillId="0" borderId="107" xfId="0" applyNumberFormat="1" applyFont="1" applyBorder="1" applyAlignment="1" applyProtection="1">
      <alignment horizontal="center" shrinkToFit="1"/>
      <protection locked="0"/>
    </xf>
    <xf numFmtId="49" fontId="108" fillId="0" borderId="92" xfId="0" applyNumberFormat="1" applyFont="1" applyBorder="1" applyAlignment="1" applyProtection="1">
      <alignment horizontal="center" shrinkToFit="1"/>
      <protection locked="0"/>
    </xf>
    <xf numFmtId="49" fontId="108" fillId="0" borderId="108" xfId="0" applyNumberFormat="1" applyFont="1" applyBorder="1" applyAlignment="1" applyProtection="1">
      <alignment horizontal="center" shrinkToFit="1"/>
      <protection locked="0"/>
    </xf>
    <xf numFmtId="49" fontId="89" fillId="0" borderId="1" xfId="0" applyNumberFormat="1" applyFont="1" applyBorder="1" applyAlignment="1" applyProtection="1">
      <alignment horizontal="center" vertical="center" shrinkToFit="1"/>
      <protection locked="0"/>
    </xf>
    <xf numFmtId="49" fontId="89" fillId="0" borderId="7" xfId="0" applyNumberFormat="1" applyFont="1" applyBorder="1" applyAlignment="1" applyProtection="1">
      <alignment horizontal="center" vertical="center" shrinkToFit="1"/>
      <protection locked="0"/>
    </xf>
    <xf numFmtId="0" fontId="119" fillId="0" borderId="218" xfId="0" applyFont="1" applyBorder="1" applyAlignment="1" applyProtection="1">
      <alignment horizontal="center" vertical="center" wrapText="1" shrinkToFit="1"/>
      <protection locked="0" hidden="1"/>
    </xf>
    <xf numFmtId="0" fontId="119" fillId="0" borderId="220" xfId="0" applyFont="1" applyBorder="1" applyAlignment="1" applyProtection="1">
      <alignment horizontal="center" vertical="center" wrapText="1" shrinkToFit="1"/>
      <protection locked="0" hidden="1"/>
    </xf>
    <xf numFmtId="49" fontId="89" fillId="0" borderId="64" xfId="0" applyNumberFormat="1" applyFont="1" applyBorder="1" applyAlignment="1" applyProtection="1">
      <alignment horizontal="center" vertical="center" shrinkToFit="1"/>
      <protection locked="0"/>
    </xf>
    <xf numFmtId="0" fontId="108" fillId="6" borderId="92" xfId="0" applyFont="1" applyFill="1" applyBorder="1" applyAlignment="1" applyProtection="1">
      <alignment horizontal="center" vertical="center" wrapText="1" shrinkToFit="1"/>
      <protection hidden="1"/>
    </xf>
    <xf numFmtId="0" fontId="108" fillId="6" borderId="121" xfId="0" applyFont="1" applyFill="1" applyBorder="1" applyAlignment="1" applyProtection="1">
      <alignment horizontal="center" vertical="center" wrapText="1" shrinkToFit="1"/>
      <protection hidden="1"/>
    </xf>
    <xf numFmtId="0" fontId="106" fillId="0" borderId="0" xfId="0" applyFont="1" applyAlignment="1" applyProtection="1">
      <alignment horizontal="center" vertical="center" wrapText="1" shrinkToFit="1"/>
      <protection hidden="1"/>
    </xf>
    <xf numFmtId="0" fontId="122" fillId="0" borderId="0" xfId="0" applyFont="1" applyAlignment="1" applyProtection="1">
      <alignment horizontal="center" vertical="center" wrapText="1" shrinkToFit="1"/>
      <protection hidden="1"/>
    </xf>
    <xf numFmtId="0" fontId="112" fillId="0" borderId="0" xfId="0" applyFont="1" applyAlignment="1" applyProtection="1">
      <alignment horizontal="left" vertical="center" wrapText="1"/>
      <protection hidden="1"/>
    </xf>
    <xf numFmtId="0" fontId="124" fillId="0" borderId="0" xfId="0" applyFont="1" applyAlignment="1" applyProtection="1">
      <alignment horizontal="center" vertical="center" wrapText="1" shrinkToFit="1"/>
      <protection hidden="1"/>
    </xf>
    <xf numFmtId="0" fontId="110" fillId="0" borderId="35" xfId="0" applyFont="1" applyBorder="1" applyAlignment="1" applyProtection="1">
      <alignment horizontal="center" vertical="center"/>
      <protection hidden="1"/>
    </xf>
    <xf numFmtId="0" fontId="110" fillId="0" borderId="20" xfId="0" applyFont="1" applyBorder="1" applyAlignment="1" applyProtection="1">
      <alignment horizontal="center" vertical="center"/>
      <protection hidden="1"/>
    </xf>
    <xf numFmtId="49" fontId="110" fillId="0" borderId="20" xfId="0" applyNumberFormat="1" applyFont="1" applyBorder="1" applyAlignment="1" applyProtection="1">
      <alignment horizontal="left" vertical="center"/>
      <protection hidden="1"/>
    </xf>
    <xf numFmtId="49" fontId="110" fillId="0" borderId="33" xfId="0" applyNumberFormat="1" applyFont="1" applyBorder="1" applyAlignment="1" applyProtection="1">
      <alignment horizontal="left" vertical="center"/>
      <protection hidden="1"/>
    </xf>
    <xf numFmtId="49" fontId="110" fillId="0" borderId="20" xfId="0" applyNumberFormat="1" applyFont="1" applyBorder="1" applyAlignment="1" applyProtection="1">
      <alignment horizontal="center" vertical="center"/>
      <protection locked="0"/>
    </xf>
    <xf numFmtId="49" fontId="108" fillId="0" borderId="20" xfId="0" applyNumberFormat="1" applyFont="1" applyBorder="1" applyAlignment="1" applyProtection="1">
      <alignment horizontal="left" vertical="center"/>
      <protection hidden="1"/>
    </xf>
    <xf numFmtId="49" fontId="108" fillId="0" borderId="33" xfId="0" applyNumberFormat="1" applyFont="1" applyBorder="1" applyAlignment="1" applyProtection="1">
      <alignment horizontal="left" vertical="center"/>
      <protection hidden="1"/>
    </xf>
    <xf numFmtId="181" fontId="108" fillId="0" borderId="20" xfId="0" applyNumberFormat="1" applyFont="1" applyBorder="1" applyAlignment="1" applyProtection="1">
      <alignment horizontal="center" vertical="center"/>
      <protection locked="0"/>
    </xf>
    <xf numFmtId="49" fontId="108" fillId="0" borderId="20" xfId="0" applyNumberFormat="1" applyFont="1" applyBorder="1" applyAlignment="1" applyProtection="1">
      <alignment horizontal="center" vertical="center"/>
      <protection hidden="1"/>
    </xf>
    <xf numFmtId="0" fontId="122" fillId="0" borderId="21" xfId="0" applyFont="1" applyBorder="1" applyAlignment="1" applyProtection="1">
      <alignment horizontal="center" vertical="center" wrapText="1" shrinkToFit="1"/>
      <protection hidden="1"/>
    </xf>
    <xf numFmtId="0" fontId="107" fillId="6" borderId="176" xfId="0" applyFont="1" applyFill="1" applyBorder="1" applyAlignment="1" applyProtection="1">
      <alignment horizontal="center" vertical="center" wrapText="1" shrinkToFit="1"/>
      <protection hidden="1"/>
    </xf>
    <xf numFmtId="0" fontId="108" fillId="6" borderId="176" xfId="0" applyFont="1" applyFill="1" applyBorder="1" applyAlignment="1" applyProtection="1">
      <alignment horizontal="center" vertical="center" wrapText="1" shrinkToFit="1"/>
      <protection hidden="1"/>
    </xf>
    <xf numFmtId="0" fontId="108" fillId="6" borderId="177" xfId="0" applyFont="1" applyFill="1" applyBorder="1" applyAlignment="1" applyProtection="1">
      <alignment horizontal="center" vertical="center" wrapText="1" shrinkToFit="1"/>
      <protection hidden="1"/>
    </xf>
    <xf numFmtId="49" fontId="107" fillId="0" borderId="188" xfId="0" applyNumberFormat="1" applyFont="1" applyBorder="1" applyAlignment="1" applyProtection="1">
      <alignment horizontal="center" vertical="center" shrinkToFit="1"/>
      <protection locked="0"/>
    </xf>
    <xf numFmtId="49" fontId="108" fillId="0" borderId="188" xfId="0" applyNumberFormat="1" applyFont="1" applyBorder="1" applyAlignment="1" applyProtection="1">
      <alignment horizontal="center" vertical="center" shrinkToFit="1"/>
      <protection hidden="1"/>
    </xf>
    <xf numFmtId="0" fontId="118" fillId="0" borderId="217" xfId="0" applyFont="1" applyBorder="1" applyAlignment="1" applyProtection="1">
      <alignment horizontal="left" vertical="center" wrapText="1" shrinkToFit="1"/>
      <protection hidden="1"/>
    </xf>
    <xf numFmtId="0" fontId="118" fillId="0" borderId="218" xfId="0" applyFont="1" applyBorder="1" applyAlignment="1" applyProtection="1">
      <alignment horizontal="left" vertical="center" shrinkToFit="1"/>
      <protection hidden="1"/>
    </xf>
    <xf numFmtId="0" fontId="118" fillId="0" borderId="219" xfId="0" applyFont="1" applyBorder="1" applyAlignment="1" applyProtection="1">
      <alignment horizontal="left" vertical="center" shrinkToFit="1"/>
      <protection hidden="1"/>
    </xf>
    <xf numFmtId="0" fontId="108" fillId="6" borderId="184" xfId="0" applyFont="1" applyFill="1" applyBorder="1" applyAlignment="1" applyProtection="1">
      <alignment horizontal="center" vertical="center" wrapText="1" shrinkToFit="1"/>
      <protection hidden="1"/>
    </xf>
    <xf numFmtId="0" fontId="108" fillId="0" borderId="187" xfId="0" applyFont="1" applyBorder="1" applyAlignment="1" applyProtection="1">
      <alignment horizontal="center" vertical="center" shrinkToFit="1"/>
      <protection hidden="1"/>
    </xf>
    <xf numFmtId="0" fontId="108" fillId="0" borderId="188" xfId="0" applyFont="1" applyBorder="1" applyAlignment="1" applyProtection="1">
      <alignment horizontal="center" vertical="center" shrinkToFit="1"/>
      <protection hidden="1"/>
    </xf>
    <xf numFmtId="38" fontId="111" fillId="0" borderId="0" xfId="6" applyFont="1" applyFill="1" applyBorder="1" applyAlignment="1" applyProtection="1">
      <alignment horizontal="center" vertical="center" shrinkToFit="1"/>
      <protection hidden="1"/>
    </xf>
    <xf numFmtId="0" fontId="32" fillId="0" borderId="0" xfId="0" applyFont="1" applyAlignment="1" applyProtection="1">
      <alignment horizontal="center" vertical="center" shrinkToFit="1"/>
      <protection hidden="1"/>
    </xf>
    <xf numFmtId="49" fontId="107" fillId="0" borderId="175" xfId="0" applyNumberFormat="1" applyFont="1" applyBorder="1" applyAlignment="1" applyProtection="1">
      <alignment horizontal="center" vertical="center" shrinkToFit="1"/>
      <protection hidden="1"/>
    </xf>
    <xf numFmtId="49" fontId="107" fillId="0" borderId="176" xfId="0" applyNumberFormat="1" applyFont="1" applyBorder="1" applyAlignment="1" applyProtection="1">
      <alignment horizontal="center" vertical="center" shrinkToFit="1"/>
      <protection hidden="1"/>
    </xf>
    <xf numFmtId="49" fontId="108" fillId="0" borderId="176" xfId="0" applyNumberFormat="1" applyFont="1" applyBorder="1" applyAlignment="1" applyProtection="1">
      <alignment horizontal="center" vertical="center" shrinkToFit="1"/>
      <protection locked="0"/>
    </xf>
    <xf numFmtId="0" fontId="108" fillId="6" borderId="194" xfId="0" applyFont="1" applyFill="1" applyBorder="1" applyAlignment="1" applyProtection="1">
      <alignment horizontal="center" vertical="center" wrapText="1"/>
      <protection hidden="1"/>
    </xf>
    <xf numFmtId="0" fontId="108" fillId="6" borderId="123" xfId="0" applyFont="1" applyFill="1" applyBorder="1" applyAlignment="1" applyProtection="1">
      <alignment horizontal="center" vertical="center" wrapText="1"/>
      <protection hidden="1"/>
    </xf>
    <xf numFmtId="0" fontId="108" fillId="6" borderId="192" xfId="0" applyFont="1" applyFill="1" applyBorder="1" applyAlignment="1" applyProtection="1">
      <alignment horizontal="center" vertical="center" wrapText="1"/>
      <protection hidden="1"/>
    </xf>
    <xf numFmtId="0" fontId="108" fillId="6" borderId="193" xfId="0" applyFont="1" applyFill="1" applyBorder="1" applyAlignment="1" applyProtection="1">
      <alignment horizontal="center" vertical="center" wrapText="1"/>
      <protection hidden="1"/>
    </xf>
    <xf numFmtId="0" fontId="108" fillId="6" borderId="9" xfId="0" applyFont="1" applyFill="1" applyBorder="1" applyAlignment="1" applyProtection="1">
      <alignment horizontal="center" vertical="center" wrapText="1"/>
      <protection hidden="1"/>
    </xf>
    <xf numFmtId="0" fontId="108" fillId="6" borderId="3" xfId="0" applyFont="1" applyFill="1" applyBorder="1" applyAlignment="1" applyProtection="1">
      <alignment horizontal="center" vertical="center" wrapText="1"/>
      <protection hidden="1"/>
    </xf>
    <xf numFmtId="0" fontId="108" fillId="6" borderId="4" xfId="0" applyFont="1" applyFill="1" applyBorder="1" applyAlignment="1" applyProtection="1">
      <alignment horizontal="center" vertical="center" wrapText="1"/>
      <protection hidden="1"/>
    </xf>
    <xf numFmtId="49" fontId="108" fillId="2" borderId="9" xfId="0" applyNumberFormat="1" applyFont="1" applyFill="1" applyBorder="1" applyAlignment="1" applyProtection="1">
      <alignment horizontal="center" vertical="center" shrinkToFit="1"/>
      <protection locked="0"/>
    </xf>
    <xf numFmtId="49" fontId="108" fillId="2" borderId="3" xfId="0" applyNumberFormat="1" applyFont="1" applyFill="1" applyBorder="1" applyAlignment="1" applyProtection="1">
      <alignment horizontal="center" vertical="center" shrinkToFit="1"/>
      <protection locked="0"/>
    </xf>
    <xf numFmtId="49" fontId="108" fillId="2" borderId="38" xfId="0" applyNumberFormat="1" applyFont="1" applyFill="1" applyBorder="1" applyAlignment="1" applyProtection="1">
      <alignment horizontal="center" vertical="center" shrinkToFit="1"/>
      <protection locked="0"/>
    </xf>
    <xf numFmtId="49" fontId="108" fillId="2" borderId="32" xfId="0" applyNumberFormat="1" applyFont="1" applyFill="1" applyBorder="1" applyAlignment="1" applyProtection="1">
      <alignment horizontal="center" vertical="center" shrinkToFit="1"/>
      <protection locked="0"/>
    </xf>
    <xf numFmtId="49" fontId="108" fillId="2" borderId="4" xfId="0" applyNumberFormat="1" applyFont="1" applyFill="1" applyBorder="1" applyAlignment="1" applyProtection="1">
      <alignment horizontal="center" vertical="center" shrinkToFit="1"/>
      <protection locked="0"/>
    </xf>
    <xf numFmtId="0" fontId="108" fillId="6" borderId="4" xfId="0" applyFont="1" applyFill="1" applyBorder="1" applyAlignment="1" applyProtection="1">
      <alignment horizontal="center" vertical="distributed" shrinkToFit="1"/>
      <protection hidden="1"/>
    </xf>
    <xf numFmtId="0" fontId="108" fillId="6" borderId="63" xfId="0" applyFont="1" applyFill="1" applyBorder="1" applyAlignment="1" applyProtection="1">
      <alignment horizontal="center" vertical="distributed" shrinkToFit="1"/>
      <protection hidden="1"/>
    </xf>
    <xf numFmtId="49" fontId="108" fillId="2" borderId="133" xfId="0" applyNumberFormat="1" applyFont="1" applyFill="1" applyBorder="1" applyAlignment="1" applyProtection="1">
      <alignment horizontal="center" vertical="center" shrinkToFit="1"/>
      <protection locked="0"/>
    </xf>
    <xf numFmtId="0" fontId="108" fillId="6" borderId="8" xfId="0" applyFont="1" applyFill="1" applyBorder="1" applyAlignment="1" applyProtection="1">
      <alignment horizontal="center" vertical="center" wrapText="1" shrinkToFit="1"/>
      <protection hidden="1"/>
    </xf>
    <xf numFmtId="0" fontId="108" fillId="6" borderId="5" xfId="0" applyFont="1" applyFill="1" applyBorder="1" applyAlignment="1" applyProtection="1">
      <alignment horizontal="center" vertical="center" wrapText="1" shrinkToFit="1"/>
      <protection hidden="1"/>
    </xf>
    <xf numFmtId="0" fontId="108" fillId="6" borderId="6" xfId="0" applyFont="1" applyFill="1" applyBorder="1" applyAlignment="1" applyProtection="1">
      <alignment horizontal="center" vertical="center" wrapText="1" shrinkToFit="1"/>
      <protection hidden="1"/>
    </xf>
    <xf numFmtId="0" fontId="108" fillId="6" borderId="11" xfId="0" applyFont="1" applyFill="1" applyBorder="1" applyAlignment="1" applyProtection="1">
      <alignment horizontal="center" vertical="center" wrapText="1" shrinkToFit="1"/>
      <protection hidden="1"/>
    </xf>
    <xf numFmtId="0" fontId="108" fillId="6" borderId="0" xfId="0" applyFont="1" applyFill="1" applyAlignment="1" applyProtection="1">
      <alignment horizontal="center" vertical="center" wrapText="1" shrinkToFit="1"/>
      <protection hidden="1"/>
    </xf>
    <xf numFmtId="0" fontId="108" fillId="6" borderId="10" xfId="0" applyFont="1" applyFill="1" applyBorder="1" applyAlignment="1" applyProtection="1">
      <alignment horizontal="center" vertical="center" wrapText="1" shrinkToFit="1"/>
      <protection hidden="1"/>
    </xf>
    <xf numFmtId="0" fontId="108" fillId="6" borderId="55" xfId="0" applyFont="1" applyFill="1" applyBorder="1" applyAlignment="1" applyProtection="1">
      <alignment horizontal="center" vertical="center" wrapText="1" shrinkToFit="1"/>
      <protection hidden="1"/>
    </xf>
    <xf numFmtId="0" fontId="108" fillId="6" borderId="12" xfId="0" applyFont="1" applyFill="1" applyBorder="1" applyAlignment="1" applyProtection="1">
      <alignment horizontal="center" vertical="center" wrapText="1" shrinkToFit="1"/>
      <protection hidden="1"/>
    </xf>
    <xf numFmtId="0" fontId="108" fillId="6" borderId="134" xfId="0" applyFont="1" applyFill="1" applyBorder="1" applyAlignment="1" applyProtection="1">
      <alignment horizontal="center" vertical="center" wrapText="1" shrinkToFit="1"/>
      <protection hidden="1"/>
    </xf>
    <xf numFmtId="49" fontId="108" fillId="0" borderId="172" xfId="0" applyNumberFormat="1" applyFont="1" applyBorder="1" applyAlignment="1" applyProtection="1">
      <alignment horizontal="center" shrinkToFit="1"/>
      <protection locked="0"/>
    </xf>
    <xf numFmtId="49" fontId="90" fillId="0" borderId="7" xfId="0" applyNumberFormat="1" applyFont="1" applyBorder="1" applyAlignment="1" applyProtection="1">
      <alignment horizontal="center" vertical="center" shrinkToFit="1"/>
      <protection hidden="1"/>
    </xf>
    <xf numFmtId="0" fontId="107" fillId="6" borderId="180" xfId="0" applyFont="1" applyFill="1" applyBorder="1" applyAlignment="1" applyProtection="1">
      <alignment horizontal="center" vertical="center" wrapText="1" shrinkToFit="1"/>
      <protection hidden="1"/>
    </xf>
    <xf numFmtId="0" fontId="107" fillId="6" borderId="177" xfId="0" applyFont="1" applyFill="1" applyBorder="1" applyAlignment="1" applyProtection="1">
      <alignment horizontal="center" vertical="center" wrapText="1" shrinkToFit="1"/>
      <protection hidden="1"/>
    </xf>
    <xf numFmtId="49" fontId="107" fillId="0" borderId="176" xfId="0" applyNumberFormat="1" applyFont="1" applyBorder="1" applyAlignment="1" applyProtection="1">
      <alignment horizontal="center" vertical="center" shrinkToFit="1"/>
      <protection locked="0"/>
    </xf>
    <xf numFmtId="49" fontId="107" fillId="0" borderId="169" xfId="0" applyNumberFormat="1" applyFont="1" applyBorder="1" applyAlignment="1" applyProtection="1">
      <alignment horizontal="center" vertical="center" shrinkToFit="1"/>
      <protection locked="0"/>
    </xf>
    <xf numFmtId="49" fontId="108" fillId="0" borderId="169" xfId="0" applyNumberFormat="1" applyFont="1" applyBorder="1" applyAlignment="1" applyProtection="1">
      <alignment horizontal="center" vertical="center" shrinkToFit="1"/>
      <protection hidden="1"/>
    </xf>
    <xf numFmtId="49" fontId="108" fillId="0" borderId="170" xfId="0" applyNumberFormat="1" applyFont="1" applyBorder="1" applyAlignment="1" applyProtection="1">
      <alignment horizontal="center" shrinkToFit="1"/>
      <protection locked="0"/>
    </xf>
    <xf numFmtId="49" fontId="108" fillId="0" borderId="181" xfId="0" applyNumberFormat="1" applyFont="1" applyBorder="1" applyAlignment="1" applyProtection="1">
      <alignment horizontal="center" shrinkToFit="1"/>
      <protection locked="0"/>
    </xf>
    <xf numFmtId="49" fontId="108" fillId="0" borderId="22" xfId="0" applyNumberFormat="1" applyFont="1" applyBorder="1" applyAlignment="1" applyProtection="1">
      <alignment horizontal="center" shrinkToFit="1"/>
      <protection locked="0"/>
    </xf>
    <xf numFmtId="49" fontId="108" fillId="0" borderId="139" xfId="0" applyNumberFormat="1" applyFont="1" applyBorder="1" applyAlignment="1" applyProtection="1">
      <alignment horizontal="center" shrinkToFit="1"/>
      <protection locked="0"/>
    </xf>
    <xf numFmtId="49" fontId="107" fillId="0" borderId="1" xfId="0" applyNumberFormat="1" applyFont="1" applyBorder="1" applyAlignment="1" applyProtection="1">
      <alignment horizontal="center" vertical="center" shrinkToFit="1"/>
      <protection hidden="1"/>
    </xf>
    <xf numFmtId="0" fontId="108" fillId="0" borderId="115" xfId="0" applyFont="1" applyBorder="1" applyAlignment="1" applyProtection="1">
      <alignment horizontal="left" vertical="distributed" shrinkToFit="1"/>
      <protection hidden="1"/>
    </xf>
    <xf numFmtId="0" fontId="108" fillId="0" borderId="122" xfId="0" applyFont="1" applyBorder="1" applyAlignment="1" applyProtection="1">
      <alignment horizontal="left" vertical="distributed" shrinkToFit="1"/>
      <protection hidden="1"/>
    </xf>
    <xf numFmtId="0" fontId="9" fillId="0" borderId="0" xfId="0" applyFont="1" applyAlignment="1" applyProtection="1">
      <alignment horizontal="center" vertical="center"/>
      <protection hidden="1"/>
    </xf>
    <xf numFmtId="0" fontId="108" fillId="6" borderId="84" xfId="0" applyFont="1" applyFill="1" applyBorder="1" applyAlignment="1" applyProtection="1">
      <alignment horizontal="center" vertical="center" wrapText="1" shrinkToFit="1"/>
      <protection hidden="1"/>
    </xf>
    <xf numFmtId="0" fontId="108" fillId="6" borderId="3" xfId="0" applyFont="1" applyFill="1" applyBorder="1" applyAlignment="1" applyProtection="1">
      <alignment horizontal="center" vertical="center" wrapText="1" shrinkToFit="1"/>
      <protection hidden="1"/>
    </xf>
    <xf numFmtId="0" fontId="108" fillId="6" borderId="4" xfId="0" applyFont="1" applyFill="1" applyBorder="1" applyAlignment="1" applyProtection="1">
      <alignment horizontal="center" vertical="center" wrapText="1" shrinkToFit="1"/>
      <protection hidden="1"/>
    </xf>
    <xf numFmtId="49" fontId="108" fillId="0" borderId="9" xfId="0" applyNumberFormat="1" applyFont="1" applyBorder="1" applyAlignment="1" applyProtection="1">
      <alignment horizontal="center" vertical="center" shrinkToFit="1"/>
      <protection locked="0"/>
    </xf>
    <xf numFmtId="49" fontId="108" fillId="0" borderId="3" xfId="0" applyNumberFormat="1" applyFont="1" applyBorder="1" applyAlignment="1" applyProtection="1">
      <alignment horizontal="center" vertical="center" shrinkToFit="1"/>
      <protection locked="0"/>
    </xf>
    <xf numFmtId="49" fontId="108" fillId="0" borderId="75" xfId="0" applyNumberFormat="1" applyFont="1" applyBorder="1" applyAlignment="1" applyProtection="1">
      <alignment horizontal="center" vertical="center" shrinkToFit="1"/>
      <protection locked="0"/>
    </xf>
    <xf numFmtId="49" fontId="108" fillId="0" borderId="87" xfId="0" applyNumberFormat="1" applyFont="1" applyBorder="1" applyAlignment="1" applyProtection="1">
      <alignment horizontal="center" vertical="center" shrinkToFit="1"/>
      <protection locked="0"/>
    </xf>
    <xf numFmtId="0" fontId="107" fillId="2" borderId="0" xfId="0" applyFont="1" applyFill="1" applyAlignment="1" applyProtection="1">
      <alignment horizontal="center" vertical="center"/>
      <protection hidden="1"/>
    </xf>
    <xf numFmtId="0" fontId="52" fillId="2" borderId="0" xfId="0" applyFont="1" applyFill="1" applyAlignment="1" applyProtection="1">
      <alignment horizontal="right" vertical="center"/>
      <protection hidden="1"/>
    </xf>
    <xf numFmtId="0" fontId="10" fillId="2" borderId="0" xfId="0" applyFont="1" applyFill="1" applyAlignment="1" applyProtection="1">
      <alignment horizontal="right" vertical="center" shrinkToFit="1"/>
      <protection hidden="1"/>
    </xf>
    <xf numFmtId="0" fontId="10" fillId="2" borderId="0" xfId="0" applyFont="1" applyFill="1" applyAlignment="1" applyProtection="1">
      <alignment horizontal="left" vertical="center" wrapText="1"/>
      <protection hidden="1"/>
    </xf>
    <xf numFmtId="0" fontId="10" fillId="2" borderId="0" xfId="0" applyFont="1" applyFill="1" applyAlignment="1" applyProtection="1">
      <alignment horizontal="center" vertical="center" wrapText="1"/>
      <protection hidden="1"/>
    </xf>
    <xf numFmtId="181" fontId="107" fillId="2" borderId="0" xfId="0" applyNumberFormat="1" applyFont="1" applyFill="1" applyAlignment="1" applyProtection="1">
      <alignment horizontal="center" vertical="center"/>
      <protection locked="0"/>
    </xf>
    <xf numFmtId="49" fontId="108" fillId="0" borderId="133" xfId="0" applyNumberFormat="1" applyFont="1" applyBorder="1" applyAlignment="1" applyProtection="1">
      <alignment horizontal="center" vertical="center" shrinkToFit="1"/>
      <protection locked="0"/>
    </xf>
    <xf numFmtId="0" fontId="108" fillId="6" borderId="74" xfId="0" applyFont="1" applyFill="1" applyBorder="1" applyAlignment="1" applyProtection="1">
      <alignment horizontal="center" vertical="center"/>
      <protection hidden="1"/>
    </xf>
    <xf numFmtId="0" fontId="108" fillId="6" borderId="75" xfId="0" applyFont="1" applyFill="1" applyBorder="1" applyAlignment="1" applyProtection="1">
      <alignment horizontal="center" vertical="center"/>
      <protection hidden="1"/>
    </xf>
    <xf numFmtId="0" fontId="108" fillId="6" borderId="76" xfId="0" applyFont="1" applyFill="1" applyBorder="1" applyAlignment="1" applyProtection="1">
      <alignment horizontal="center" vertical="center"/>
      <protection hidden="1"/>
    </xf>
    <xf numFmtId="0" fontId="108" fillId="0" borderId="86" xfId="0" applyFont="1" applyBorder="1" applyAlignment="1" applyProtection="1">
      <alignment horizontal="center" vertical="center" shrinkToFit="1"/>
      <protection locked="0"/>
    </xf>
    <xf numFmtId="0" fontId="108" fillId="0" borderId="75" xfId="0" applyFont="1" applyBorder="1" applyAlignment="1" applyProtection="1">
      <alignment horizontal="center" vertical="center" shrinkToFit="1"/>
      <protection locked="0"/>
    </xf>
    <xf numFmtId="0" fontId="108" fillId="0" borderId="75" xfId="0" applyFont="1" applyBorder="1" applyProtection="1">
      <alignment vertical="center"/>
      <protection hidden="1"/>
    </xf>
    <xf numFmtId="0" fontId="108" fillId="0" borderId="213" xfId="0" applyFont="1" applyBorder="1" applyProtection="1">
      <alignment vertical="center"/>
      <protection hidden="1"/>
    </xf>
    <xf numFmtId="0" fontId="108" fillId="5" borderId="214" xfId="0" applyFont="1" applyFill="1" applyBorder="1" applyAlignment="1" applyProtection="1">
      <alignment horizontal="center" vertical="center" shrinkToFit="1"/>
      <protection locked="0"/>
    </xf>
    <xf numFmtId="0" fontId="108" fillId="5" borderId="75" xfId="0" applyFont="1" applyFill="1" applyBorder="1" applyAlignment="1" applyProtection="1">
      <alignment horizontal="center" vertical="center" shrinkToFit="1"/>
      <protection locked="0"/>
    </xf>
    <xf numFmtId="0" fontId="108" fillId="5" borderId="75" xfId="0" applyFont="1" applyFill="1" applyBorder="1" applyProtection="1">
      <alignment vertical="center"/>
      <protection hidden="1"/>
    </xf>
    <xf numFmtId="0" fontId="108" fillId="5" borderId="87" xfId="0" applyFont="1" applyFill="1" applyBorder="1" applyProtection="1">
      <alignment vertical="center"/>
      <protection hidden="1"/>
    </xf>
    <xf numFmtId="0" fontId="8" fillId="2" borderId="0" xfId="0" applyFont="1" applyFill="1" applyAlignment="1" applyProtection="1">
      <alignment horizontal="right" vertical="center"/>
      <protection hidden="1"/>
    </xf>
    <xf numFmtId="49" fontId="108" fillId="2" borderId="1" xfId="0" applyNumberFormat="1" applyFont="1" applyFill="1" applyBorder="1" applyAlignment="1" applyProtection="1">
      <alignment horizontal="center" vertical="center" shrinkToFit="1"/>
      <protection locked="0"/>
    </xf>
    <xf numFmtId="49" fontId="108" fillId="2" borderId="7" xfId="0" applyNumberFormat="1" applyFont="1" applyFill="1" applyBorder="1" applyAlignment="1" applyProtection="1">
      <alignment horizontal="center" vertical="center" shrinkToFit="1"/>
      <protection locked="0"/>
    </xf>
    <xf numFmtId="49" fontId="108" fillId="2" borderId="25" xfId="0" applyNumberFormat="1" applyFont="1" applyFill="1" applyBorder="1" applyAlignment="1" applyProtection="1">
      <alignment horizontal="center" vertical="center" shrinkToFit="1"/>
      <protection locked="0"/>
    </xf>
    <xf numFmtId="49" fontId="108" fillId="2" borderId="24" xfId="0" applyNumberFormat="1" applyFont="1" applyFill="1" applyBorder="1" applyAlignment="1" applyProtection="1">
      <alignment horizontal="center" vertical="center" shrinkToFit="1"/>
      <protection locked="0"/>
    </xf>
    <xf numFmtId="49" fontId="108" fillId="2" borderId="2" xfId="0" applyNumberFormat="1" applyFont="1" applyFill="1" applyBorder="1" applyAlignment="1" applyProtection="1">
      <alignment horizontal="center" vertical="center" shrinkToFit="1"/>
      <protection locked="0"/>
    </xf>
    <xf numFmtId="0" fontId="108" fillId="6" borderId="2" xfId="0" applyFont="1" applyFill="1" applyBorder="1" applyAlignment="1" applyProtection="1">
      <alignment horizontal="center" vertical="distributed" shrinkToFit="1"/>
      <protection hidden="1"/>
    </xf>
    <xf numFmtId="0" fontId="108" fillId="6" borderId="23" xfId="0" applyFont="1" applyFill="1" applyBorder="1" applyAlignment="1" applyProtection="1">
      <alignment horizontal="center" vertical="distributed" shrinkToFit="1"/>
      <protection hidden="1"/>
    </xf>
    <xf numFmtId="49" fontId="108" fillId="2" borderId="64" xfId="0" applyNumberFormat="1" applyFont="1" applyFill="1" applyBorder="1" applyAlignment="1" applyProtection="1">
      <alignment horizontal="center" vertical="center" shrinkToFit="1"/>
      <protection locked="0"/>
    </xf>
    <xf numFmtId="0" fontId="15" fillId="0" borderId="0" xfId="0" applyFont="1" applyAlignment="1" applyProtection="1">
      <alignment horizontal="center" vertical="center" wrapText="1"/>
      <protection hidden="1"/>
    </xf>
    <xf numFmtId="0" fontId="15" fillId="0" borderId="0" xfId="0" applyFont="1" applyAlignment="1" applyProtection="1">
      <alignment horizontal="center" vertical="center"/>
      <protection hidden="1"/>
    </xf>
    <xf numFmtId="0" fontId="102" fillId="5" borderId="1" xfId="0" applyFont="1" applyFill="1" applyBorder="1" applyAlignment="1" applyProtection="1">
      <alignment horizontal="center" vertical="center" wrapText="1"/>
      <protection hidden="1"/>
    </xf>
    <xf numFmtId="0" fontId="102" fillId="5" borderId="7" xfId="0" applyFont="1" applyFill="1" applyBorder="1" applyAlignment="1" applyProtection="1">
      <alignment horizontal="center" vertical="center" wrapText="1"/>
      <protection hidden="1"/>
    </xf>
    <xf numFmtId="0" fontId="102" fillId="5" borderId="2" xfId="0" applyFont="1" applyFill="1" applyBorder="1" applyAlignment="1" applyProtection="1">
      <alignment horizontal="center" vertical="center" wrapText="1"/>
      <protection hidden="1"/>
    </xf>
    <xf numFmtId="0" fontId="93" fillId="2" borderId="23" xfId="0" applyFont="1" applyFill="1" applyBorder="1" applyAlignment="1" applyProtection="1">
      <alignment horizontal="right" vertical="center"/>
      <protection locked="0"/>
    </xf>
    <xf numFmtId="0" fontId="94" fillId="0" borderId="23" xfId="0" applyFont="1" applyBorder="1" applyAlignment="1" applyProtection="1">
      <alignment horizontal="center" vertical="center" shrinkToFit="1"/>
      <protection locked="0"/>
    </xf>
    <xf numFmtId="0" fontId="108" fillId="6" borderId="61" xfId="0" applyFont="1" applyFill="1" applyBorder="1" applyAlignment="1" applyProtection="1">
      <alignment horizontal="center" vertical="distributed"/>
      <protection hidden="1"/>
    </xf>
    <xf numFmtId="0" fontId="108" fillId="6" borderId="62" xfId="0" applyFont="1" applyFill="1" applyBorder="1" applyAlignment="1" applyProtection="1">
      <alignment horizontal="center" vertical="distributed"/>
      <protection hidden="1"/>
    </xf>
    <xf numFmtId="49" fontId="107" fillId="2" borderId="55" xfId="0" applyNumberFormat="1" applyFont="1" applyFill="1" applyBorder="1" applyAlignment="1" applyProtection="1">
      <alignment horizontal="center" vertical="center" shrinkToFit="1"/>
      <protection locked="0"/>
    </xf>
    <xf numFmtId="49" fontId="107" fillId="2" borderId="12" xfId="0" applyNumberFormat="1" applyFont="1" applyFill="1" applyBorder="1" applyAlignment="1" applyProtection="1">
      <alignment horizontal="center" vertical="center" shrinkToFit="1"/>
      <protection locked="0"/>
    </xf>
    <xf numFmtId="49" fontId="107" fillId="2" borderId="112" xfId="0" applyNumberFormat="1" applyFont="1" applyFill="1" applyBorder="1" applyAlignment="1" applyProtection="1">
      <alignment horizontal="center" vertical="center" shrinkToFit="1"/>
      <protection locked="0"/>
    </xf>
    <xf numFmtId="49" fontId="107" fillId="2" borderId="88" xfId="0" applyNumberFormat="1" applyFont="1" applyFill="1" applyBorder="1" applyAlignment="1" applyProtection="1">
      <alignment horizontal="center" vertical="center" shrinkToFit="1"/>
      <protection locked="0"/>
    </xf>
    <xf numFmtId="49" fontId="107" fillId="2" borderId="0" xfId="0" applyNumberFormat="1" applyFont="1" applyFill="1" applyAlignment="1" applyProtection="1">
      <alignment horizontal="center" vertical="center" shrinkToFit="1"/>
      <protection locked="0"/>
    </xf>
    <xf numFmtId="49" fontId="107" fillId="2" borderId="66" xfId="0" applyNumberFormat="1" applyFont="1" applyFill="1" applyBorder="1" applyAlignment="1" applyProtection="1">
      <alignment horizontal="center" vertical="center" shrinkToFit="1"/>
      <protection locked="0"/>
    </xf>
    <xf numFmtId="0" fontId="108" fillId="6" borderId="120" xfId="0" applyFont="1" applyFill="1" applyBorder="1" applyAlignment="1" applyProtection="1">
      <alignment horizontal="center" vertical="center" wrapText="1"/>
      <protection hidden="1"/>
    </xf>
    <xf numFmtId="0" fontId="108" fillId="6" borderId="63" xfId="0" applyFont="1" applyFill="1" applyBorder="1" applyAlignment="1" applyProtection="1">
      <alignment horizontal="center" vertical="center" wrapText="1"/>
      <protection hidden="1"/>
    </xf>
    <xf numFmtId="49" fontId="108" fillId="2" borderId="107" xfId="0" applyNumberFormat="1" applyFont="1" applyFill="1" applyBorder="1" applyAlignment="1" applyProtection="1">
      <alignment horizontal="center" shrinkToFit="1"/>
      <protection locked="0"/>
    </xf>
    <xf numFmtId="49" fontId="108" fillId="2" borderId="92" xfId="0" applyNumberFormat="1" applyFont="1" applyFill="1" applyBorder="1" applyAlignment="1" applyProtection="1">
      <alignment horizontal="center" shrinkToFit="1"/>
      <protection locked="0"/>
    </xf>
    <xf numFmtId="49" fontId="108" fillId="2" borderId="90" xfId="0" applyNumberFormat="1" applyFont="1" applyFill="1" applyBorder="1" applyAlignment="1" applyProtection="1">
      <alignment horizontal="center" shrinkToFit="1"/>
      <protection locked="0"/>
    </xf>
    <xf numFmtId="49" fontId="108" fillId="2" borderId="91" xfId="0" applyNumberFormat="1" applyFont="1" applyFill="1" applyBorder="1" applyAlignment="1" applyProtection="1">
      <alignment horizontal="center" shrinkToFit="1"/>
      <protection locked="0"/>
    </xf>
    <xf numFmtId="0" fontId="108" fillId="6" borderId="83" xfId="0" applyFont="1" applyFill="1" applyBorder="1" applyAlignment="1" applyProtection="1">
      <alignment horizontal="center" vertical="center" wrapText="1" shrinkToFit="1"/>
      <protection hidden="1"/>
    </xf>
    <xf numFmtId="0" fontId="108" fillId="6" borderId="145" xfId="0" applyFont="1" applyFill="1" applyBorder="1" applyAlignment="1" applyProtection="1">
      <alignment horizontal="center" vertical="center" wrapText="1" shrinkToFit="1"/>
      <protection hidden="1"/>
    </xf>
    <xf numFmtId="49" fontId="108" fillId="0" borderId="11" xfId="0" applyNumberFormat="1" applyFont="1" applyBorder="1" applyAlignment="1" applyProtection="1">
      <alignment horizontal="center" shrinkToFit="1"/>
      <protection locked="0"/>
    </xf>
    <xf numFmtId="49" fontId="108" fillId="0" borderId="0" xfId="0" applyNumberFormat="1" applyFont="1" applyAlignment="1" applyProtection="1">
      <alignment horizontal="center" shrinkToFit="1"/>
      <protection locked="0"/>
    </xf>
    <xf numFmtId="49" fontId="108" fillId="0" borderId="66" xfId="0" applyNumberFormat="1" applyFont="1" applyBorder="1" applyAlignment="1" applyProtection="1">
      <alignment horizontal="center" shrinkToFit="1"/>
      <protection locked="0"/>
    </xf>
    <xf numFmtId="0" fontId="7" fillId="0" borderId="0" xfId="0" applyFont="1" applyAlignment="1" applyProtection="1">
      <alignment horizontal="right" vertical="top" wrapText="1"/>
      <protection hidden="1"/>
    </xf>
    <xf numFmtId="0" fontId="108" fillId="0" borderId="132" xfId="0" applyFont="1" applyBorder="1" applyAlignment="1" applyProtection="1">
      <alignment horizontal="center" vertical="center" shrinkToFit="1"/>
      <protection locked="0"/>
    </xf>
    <xf numFmtId="0" fontId="108" fillId="0" borderId="115" xfId="0" applyFont="1" applyBorder="1" applyAlignment="1" applyProtection="1">
      <alignment horizontal="center" vertical="center" shrinkToFit="1"/>
      <protection locked="0"/>
    </xf>
    <xf numFmtId="0" fontId="108" fillId="6" borderId="125" xfId="0" applyFont="1" applyFill="1" applyBorder="1" applyAlignment="1" applyProtection="1">
      <alignment horizontal="center" vertical="center" wrapText="1" shrinkToFit="1"/>
      <protection hidden="1"/>
    </xf>
    <xf numFmtId="0" fontId="108" fillId="6" borderId="138" xfId="0" applyFont="1" applyFill="1" applyBorder="1" applyAlignment="1" applyProtection="1">
      <alignment horizontal="center" vertical="center" wrapText="1" shrinkToFit="1"/>
      <protection hidden="1"/>
    </xf>
    <xf numFmtId="0" fontId="108" fillId="6" borderId="75" xfId="0" applyFont="1" applyFill="1" applyBorder="1" applyAlignment="1" applyProtection="1">
      <alignment horizontal="center" vertical="distributed" wrapText="1"/>
      <protection hidden="1"/>
    </xf>
    <xf numFmtId="0" fontId="108" fillId="6" borderId="76" xfId="0" applyFont="1" applyFill="1" applyBorder="1" applyAlignment="1" applyProtection="1">
      <alignment horizontal="center" vertical="distributed" wrapText="1"/>
      <protection hidden="1"/>
    </xf>
    <xf numFmtId="0" fontId="108" fillId="6" borderId="174" xfId="0" applyFont="1" applyFill="1" applyBorder="1" applyAlignment="1" applyProtection="1">
      <alignment horizontal="center" vertical="center" shrinkToFit="1"/>
      <protection hidden="1"/>
    </xf>
    <xf numFmtId="0" fontId="108" fillId="0" borderId="22" xfId="0" applyFont="1" applyBorder="1" applyAlignment="1" applyProtection="1">
      <alignment horizontal="left" vertical="center" shrinkToFit="1"/>
      <protection hidden="1"/>
    </xf>
    <xf numFmtId="49" fontId="108" fillId="2" borderId="182" xfId="0" applyNumberFormat="1" applyFont="1" applyFill="1" applyBorder="1" applyAlignment="1" applyProtection="1">
      <alignment horizontal="center" vertical="center" shrinkToFit="1"/>
      <protection locked="0"/>
    </xf>
    <xf numFmtId="49" fontId="108" fillId="2" borderId="183" xfId="0" applyNumberFormat="1" applyFont="1" applyFill="1" applyBorder="1" applyAlignment="1" applyProtection="1">
      <alignment horizontal="center" vertical="center" shrinkToFit="1"/>
      <protection locked="0"/>
    </xf>
    <xf numFmtId="0" fontId="108" fillId="6" borderId="7" xfId="0" applyFont="1" applyFill="1" applyBorder="1" applyAlignment="1" applyProtection="1">
      <alignment horizontal="center" vertical="center" wrapText="1"/>
      <protection hidden="1"/>
    </xf>
    <xf numFmtId="0" fontId="108" fillId="6" borderId="2" xfId="0" applyFont="1" applyFill="1" applyBorder="1" applyAlignment="1" applyProtection="1">
      <alignment horizontal="center" vertical="center" wrapText="1"/>
      <protection hidden="1"/>
    </xf>
    <xf numFmtId="0" fontId="15" fillId="0" borderId="127" xfId="0" applyFont="1" applyBorder="1" applyAlignment="1" applyProtection="1">
      <alignment horizontal="center" vertical="center"/>
      <protection hidden="1"/>
    </xf>
    <xf numFmtId="0" fontId="15" fillId="0" borderId="128" xfId="0" applyFont="1" applyBorder="1" applyAlignment="1" applyProtection="1">
      <alignment horizontal="center" vertical="center"/>
      <protection hidden="1"/>
    </xf>
    <xf numFmtId="38" fontId="27" fillId="0" borderId="127" xfId="0" applyNumberFormat="1" applyFont="1" applyBorder="1" applyProtection="1">
      <alignment vertical="center"/>
      <protection hidden="1"/>
    </xf>
    <xf numFmtId="38" fontId="27" fillId="0" borderId="125" xfId="0" applyNumberFormat="1" applyFont="1" applyBorder="1" applyProtection="1">
      <alignment vertical="center"/>
      <protection hidden="1"/>
    </xf>
    <xf numFmtId="38" fontId="28" fillId="0" borderId="135" xfId="0" applyNumberFormat="1" applyFont="1" applyBorder="1" applyAlignment="1" applyProtection="1">
      <alignment horizontal="right" vertical="center"/>
      <protection hidden="1"/>
    </xf>
    <xf numFmtId="38" fontId="28" fillId="0" borderId="99" xfId="0" applyNumberFormat="1" applyFont="1" applyBorder="1" applyAlignment="1" applyProtection="1">
      <alignment horizontal="right" vertical="center"/>
      <protection hidden="1"/>
    </xf>
    <xf numFmtId="3" fontId="23" fillId="3" borderId="67" xfId="0" applyNumberFormat="1" applyFont="1" applyFill="1" applyBorder="1" applyAlignment="1" applyProtection="1">
      <alignment horizontal="right" vertical="center" shrinkToFit="1"/>
      <protection hidden="1"/>
    </xf>
    <xf numFmtId="3" fontId="23" fillId="3" borderId="42" xfId="0" applyNumberFormat="1" applyFont="1" applyFill="1" applyBorder="1" applyAlignment="1" applyProtection="1">
      <alignment horizontal="right" vertical="center" shrinkToFit="1"/>
      <protection hidden="1"/>
    </xf>
    <xf numFmtId="3" fontId="23" fillId="3" borderId="43" xfId="0" applyNumberFormat="1" applyFont="1" applyFill="1" applyBorder="1" applyAlignment="1" applyProtection="1">
      <alignment horizontal="right" vertical="center" shrinkToFit="1"/>
      <protection hidden="1"/>
    </xf>
    <xf numFmtId="3" fontId="47" fillId="0" borderId="41" xfId="0" applyNumberFormat="1" applyFont="1" applyBorder="1" applyAlignment="1" applyProtection="1">
      <alignment horizontal="right" vertical="center" shrinkToFit="1"/>
      <protection hidden="1"/>
    </xf>
    <xf numFmtId="3" fontId="47" fillId="0" borderId="42" xfId="0" applyNumberFormat="1" applyFont="1" applyBorder="1" applyAlignment="1" applyProtection="1">
      <alignment horizontal="right" vertical="center" shrinkToFit="1"/>
      <protection hidden="1"/>
    </xf>
    <xf numFmtId="0" fontId="20" fillId="3" borderId="57" xfId="0" applyFont="1" applyFill="1" applyBorder="1" applyAlignment="1" applyProtection="1">
      <alignment horizontal="center" vertical="center"/>
      <protection hidden="1"/>
    </xf>
    <xf numFmtId="0" fontId="20" fillId="3" borderId="60" xfId="0" applyFont="1" applyFill="1" applyBorder="1" applyAlignment="1" applyProtection="1">
      <alignment horizontal="center" vertical="center"/>
      <protection hidden="1"/>
    </xf>
    <xf numFmtId="0" fontId="27" fillId="0" borderId="83" xfId="0" applyFont="1" applyBorder="1" applyAlignment="1" applyProtection="1">
      <alignment horizontal="center" vertical="center"/>
      <protection hidden="1"/>
    </xf>
    <xf numFmtId="0" fontId="27" fillId="0" borderId="0" xfId="0" applyFont="1" applyAlignment="1" applyProtection="1">
      <alignment horizontal="center" vertical="center"/>
      <protection hidden="1"/>
    </xf>
    <xf numFmtId="0" fontId="27" fillId="0" borderId="55" xfId="0" applyFont="1" applyBorder="1" applyAlignment="1" applyProtection="1">
      <alignment horizontal="center" vertical="center"/>
      <protection hidden="1"/>
    </xf>
    <xf numFmtId="0" fontId="27" fillId="0" borderId="12" xfId="0" applyFont="1" applyBorder="1" applyAlignment="1" applyProtection="1">
      <alignment horizontal="center" vertical="center"/>
      <protection hidden="1"/>
    </xf>
    <xf numFmtId="0" fontId="27" fillId="0" borderId="112" xfId="0" applyFont="1" applyBorder="1" applyAlignment="1" applyProtection="1">
      <alignment horizontal="center" vertical="center"/>
      <protection hidden="1"/>
    </xf>
    <xf numFmtId="0" fontId="15" fillId="0" borderId="54" xfId="0" applyFont="1" applyBorder="1" applyAlignment="1" applyProtection="1">
      <alignment horizontal="center" vertical="center"/>
      <protection hidden="1"/>
    </xf>
    <xf numFmtId="0" fontId="15" fillId="0" borderId="112" xfId="0" applyFont="1" applyBorder="1" applyAlignment="1" applyProtection="1">
      <alignment horizontal="center" vertical="center"/>
      <protection hidden="1"/>
    </xf>
    <xf numFmtId="38" fontId="27" fillId="0" borderId="85" xfId="0" applyNumberFormat="1" applyFont="1" applyBorder="1" applyProtection="1">
      <alignment vertical="center"/>
      <protection hidden="1"/>
    </xf>
    <xf numFmtId="38" fontId="27" fillId="0" borderId="18" xfId="0" applyNumberFormat="1" applyFont="1" applyBorder="1" applyProtection="1">
      <alignment vertical="center"/>
      <protection hidden="1"/>
    </xf>
    <xf numFmtId="38" fontId="28" fillId="0" borderId="78" xfId="0" applyNumberFormat="1" applyFont="1" applyBorder="1" applyAlignment="1" applyProtection="1">
      <alignment horizontal="right" vertical="center"/>
      <protection hidden="1"/>
    </xf>
    <xf numFmtId="38" fontId="28" fillId="0" borderId="18" xfId="0" applyNumberFormat="1" applyFont="1" applyBorder="1" applyAlignment="1" applyProtection="1">
      <alignment horizontal="right" vertical="center"/>
      <protection hidden="1"/>
    </xf>
    <xf numFmtId="38" fontId="50" fillId="0" borderId="82" xfId="0" applyNumberFormat="1" applyFont="1" applyBorder="1" applyAlignment="1" applyProtection="1">
      <alignment horizontal="right" vertical="center"/>
      <protection hidden="1"/>
    </xf>
    <xf numFmtId="38" fontId="50" fillId="0" borderId="22" xfId="0" applyNumberFormat="1" applyFont="1" applyBorder="1" applyAlignment="1" applyProtection="1">
      <alignment horizontal="right" vertical="center"/>
      <protection hidden="1"/>
    </xf>
    <xf numFmtId="0" fontId="14" fillId="0" borderId="66" xfId="0" applyFont="1" applyBorder="1" applyAlignment="1" applyProtection="1">
      <alignment horizontal="center" vertical="center"/>
      <protection hidden="1"/>
    </xf>
    <xf numFmtId="0" fontId="14" fillId="0" borderId="139" xfId="0" applyFont="1" applyBorder="1" applyAlignment="1" applyProtection="1">
      <alignment horizontal="center" vertical="center"/>
      <protection hidden="1"/>
    </xf>
    <xf numFmtId="0" fontId="27" fillId="0" borderId="140" xfId="0" applyFont="1" applyBorder="1" applyAlignment="1" applyProtection="1">
      <alignment horizontal="center" vertical="center"/>
      <protection hidden="1"/>
    </xf>
    <xf numFmtId="0" fontId="27" fillId="0" borderId="125" xfId="0" applyFont="1" applyBorder="1" applyAlignment="1" applyProtection="1">
      <alignment horizontal="center" vertical="center"/>
      <protection hidden="1"/>
    </xf>
    <xf numFmtId="0" fontId="27" fillId="0" borderId="138" xfId="0" applyFont="1" applyBorder="1" applyAlignment="1" applyProtection="1">
      <alignment horizontal="center" vertical="center"/>
      <protection hidden="1"/>
    </xf>
    <xf numFmtId="0" fontId="27" fillId="0" borderId="137" xfId="0" applyFont="1" applyBorder="1" applyAlignment="1" applyProtection="1">
      <alignment horizontal="center" vertical="center"/>
      <protection hidden="1"/>
    </xf>
    <xf numFmtId="0" fontId="27" fillId="0" borderId="128" xfId="0" applyFont="1" applyBorder="1" applyAlignment="1" applyProtection="1">
      <alignment horizontal="center" vertical="center"/>
      <protection hidden="1"/>
    </xf>
    <xf numFmtId="0" fontId="21" fillId="0" borderId="202" xfId="0" applyFont="1" applyBorder="1" applyAlignment="1" applyProtection="1">
      <alignment horizontal="center" vertical="center" shrinkToFit="1"/>
      <protection locked="0"/>
    </xf>
    <xf numFmtId="0" fontId="21" fillId="0" borderId="203" xfId="0" applyFont="1" applyBorder="1" applyAlignment="1" applyProtection="1">
      <alignment horizontal="center" vertical="center" shrinkToFit="1"/>
      <protection locked="0"/>
    </xf>
    <xf numFmtId="0" fontId="21" fillId="0" borderId="203" xfId="0" applyFont="1" applyBorder="1" applyAlignment="1" applyProtection="1">
      <alignment horizontal="left" vertical="center" shrinkToFit="1"/>
      <protection hidden="1"/>
    </xf>
    <xf numFmtId="0" fontId="21" fillId="0" borderId="147" xfId="0" applyFont="1" applyBorder="1" applyAlignment="1" applyProtection="1">
      <alignment horizontal="left" vertical="center" shrinkToFit="1"/>
      <protection hidden="1"/>
    </xf>
    <xf numFmtId="0" fontId="21" fillId="0" borderId="22" xfId="0" applyFont="1" applyBorder="1" applyAlignment="1" applyProtection="1">
      <alignment horizontal="left" vertical="center" shrinkToFit="1"/>
      <protection hidden="1"/>
    </xf>
    <xf numFmtId="0" fontId="21" fillId="0" borderId="146" xfId="0" applyFont="1" applyBorder="1" applyAlignment="1" applyProtection="1">
      <alignment horizontal="left" vertical="center" shrinkToFit="1"/>
      <protection hidden="1"/>
    </xf>
    <xf numFmtId="0" fontId="21" fillId="0" borderId="147" xfId="0" applyFont="1" applyBorder="1" applyAlignment="1" applyProtection="1">
      <alignment horizontal="center" vertical="center"/>
      <protection hidden="1"/>
    </xf>
    <xf numFmtId="0" fontId="21" fillId="0" borderId="22" xfId="0" applyFont="1" applyBorder="1" applyAlignment="1" applyProtection="1">
      <alignment horizontal="center" vertical="center"/>
      <protection hidden="1"/>
    </xf>
    <xf numFmtId="0" fontId="21" fillId="0" borderId="146" xfId="0" applyFont="1" applyBorder="1" applyAlignment="1" applyProtection="1">
      <alignment horizontal="center" vertical="center"/>
      <protection hidden="1"/>
    </xf>
    <xf numFmtId="0" fontId="27" fillId="0" borderId="203" xfId="0" applyFont="1" applyBorder="1" applyAlignment="1" applyProtection="1">
      <alignment horizontal="center" vertical="center"/>
      <protection locked="0"/>
    </xf>
    <xf numFmtId="0" fontId="27" fillId="0" borderId="204" xfId="0" applyFont="1" applyBorder="1" applyAlignment="1" applyProtection="1">
      <alignment horizontal="center" vertical="center"/>
      <protection locked="0"/>
    </xf>
    <xf numFmtId="0" fontId="20" fillId="3" borderId="106" xfId="0" applyFont="1" applyFill="1" applyBorder="1" applyAlignment="1" applyProtection="1">
      <alignment horizontal="center" vertical="center"/>
      <protection hidden="1"/>
    </xf>
    <xf numFmtId="0" fontId="20" fillId="3" borderId="109" xfId="0" applyFont="1" applyFill="1" applyBorder="1" applyAlignment="1" applyProtection="1">
      <alignment horizontal="center" vertical="center"/>
      <protection hidden="1"/>
    </xf>
    <xf numFmtId="0" fontId="20" fillId="3" borderId="59" xfId="0" applyFont="1" applyFill="1" applyBorder="1" applyAlignment="1" applyProtection="1">
      <alignment horizontal="center" vertical="center" wrapText="1"/>
      <protection hidden="1"/>
    </xf>
    <xf numFmtId="0" fontId="20" fillId="3" borderId="57" xfId="0" applyFont="1" applyFill="1" applyBorder="1" applyAlignment="1" applyProtection="1">
      <alignment horizontal="center" vertical="center" wrapText="1"/>
      <protection hidden="1"/>
    </xf>
    <xf numFmtId="0" fontId="20" fillId="3" borderId="77" xfId="0" applyFont="1" applyFill="1" applyBorder="1" applyAlignment="1" applyProtection="1">
      <alignment horizontal="center" vertical="center" wrapText="1"/>
      <protection hidden="1"/>
    </xf>
    <xf numFmtId="0" fontId="14" fillId="3" borderId="58" xfId="0" applyFont="1" applyFill="1" applyBorder="1" applyAlignment="1" applyProtection="1">
      <alignment horizontal="center" vertical="center"/>
      <protection hidden="1"/>
    </xf>
    <xf numFmtId="0" fontId="14" fillId="3" borderId="77" xfId="0" applyFont="1" applyFill="1" applyBorder="1" applyAlignment="1" applyProtection="1">
      <alignment horizontal="center" vertical="center"/>
      <protection hidden="1"/>
    </xf>
    <xf numFmtId="0" fontId="20" fillId="3" borderId="58" xfId="0" applyFont="1" applyFill="1" applyBorder="1" applyAlignment="1" applyProtection="1">
      <alignment horizontal="center" vertical="center"/>
      <protection hidden="1"/>
    </xf>
    <xf numFmtId="0" fontId="20" fillId="3" borderId="59" xfId="0" applyFont="1" applyFill="1" applyBorder="1" applyAlignment="1" applyProtection="1">
      <alignment horizontal="center" vertical="center"/>
      <protection hidden="1"/>
    </xf>
    <xf numFmtId="0" fontId="21" fillId="0" borderId="200" xfId="0" applyFont="1" applyBorder="1" applyAlignment="1" applyProtection="1">
      <alignment horizontal="center" vertical="center" shrinkToFit="1"/>
      <protection locked="0"/>
    </xf>
    <xf numFmtId="0" fontId="21" fillId="0" borderId="50" xfId="0" applyFont="1" applyBorder="1" applyAlignment="1" applyProtection="1">
      <alignment horizontal="center" vertical="center" shrinkToFit="1"/>
      <protection locked="0"/>
    </xf>
    <xf numFmtId="0" fontId="21" fillId="0" borderId="50" xfId="0" applyFont="1" applyBorder="1" applyAlignment="1" applyProtection="1">
      <alignment horizontal="left" vertical="center" shrinkToFit="1"/>
      <protection hidden="1"/>
    </xf>
    <xf numFmtId="0" fontId="21" fillId="0" borderId="51" xfId="0" applyFont="1" applyBorder="1" applyAlignment="1" applyProtection="1">
      <alignment horizontal="left" vertical="center" shrinkToFit="1"/>
      <protection hidden="1"/>
    </xf>
    <xf numFmtId="0" fontId="21" fillId="0" borderId="13" xfId="0" applyFont="1" applyBorder="1" applyAlignment="1" applyProtection="1">
      <alignment horizontal="left" vertical="center" shrinkToFit="1"/>
      <protection hidden="1"/>
    </xf>
    <xf numFmtId="0" fontId="21" fillId="0" borderId="16" xfId="0" applyFont="1" applyBorder="1" applyAlignment="1" applyProtection="1">
      <alignment horizontal="left" vertical="center" shrinkToFit="1"/>
      <protection hidden="1"/>
    </xf>
    <xf numFmtId="0" fontId="21" fillId="0" borderId="51" xfId="0" applyFont="1" applyBorder="1" applyAlignment="1" applyProtection="1">
      <alignment horizontal="center" vertical="center"/>
      <protection hidden="1"/>
    </xf>
    <xf numFmtId="0" fontId="21" fillId="0" borderId="13" xfId="0" applyFont="1" applyBorder="1" applyAlignment="1" applyProtection="1">
      <alignment horizontal="center" vertical="center"/>
      <protection hidden="1"/>
    </xf>
    <xf numFmtId="0" fontId="21" fillId="0" borderId="16" xfId="0" applyFont="1" applyBorder="1" applyAlignment="1" applyProtection="1">
      <alignment horizontal="center" vertical="center"/>
      <protection hidden="1"/>
    </xf>
    <xf numFmtId="0" fontId="27" fillId="0" borderId="50" xfId="0" applyFont="1" applyBorder="1" applyAlignment="1" applyProtection="1">
      <alignment horizontal="center" vertical="center"/>
      <protection locked="0"/>
    </xf>
    <xf numFmtId="0" fontId="27" fillId="0" borderId="201" xfId="0" applyFont="1" applyBorder="1" applyAlignment="1" applyProtection="1">
      <alignment horizontal="center" vertical="center"/>
      <protection locked="0"/>
    </xf>
    <xf numFmtId="0" fontId="21" fillId="0" borderId="156" xfId="0" applyFont="1" applyBorder="1" applyAlignment="1" applyProtection="1">
      <alignment horizontal="center" vertical="center" shrinkToFit="1"/>
      <protection locked="0"/>
    </xf>
    <xf numFmtId="0" fontId="21" fillId="0" borderId="111" xfId="0" applyFont="1" applyBorder="1" applyAlignment="1" applyProtection="1">
      <alignment horizontal="center" vertical="center" shrinkToFit="1"/>
      <protection locked="0"/>
    </xf>
    <xf numFmtId="0" fontId="21" fillId="0" borderId="111" xfId="0" applyFont="1" applyBorder="1" applyAlignment="1" applyProtection="1">
      <alignment horizontal="left" vertical="center" shrinkToFit="1"/>
      <protection hidden="1"/>
    </xf>
    <xf numFmtId="0" fontId="21" fillId="0" borderId="54" xfId="0" applyFont="1" applyBorder="1" applyAlignment="1" applyProtection="1">
      <alignment horizontal="left" vertical="center" shrinkToFit="1"/>
      <protection hidden="1"/>
    </xf>
    <xf numFmtId="0" fontId="21" fillId="0" borderId="12" xfId="0" applyFont="1" applyBorder="1" applyAlignment="1" applyProtection="1">
      <alignment horizontal="left" vertical="center" shrinkToFit="1"/>
      <protection hidden="1"/>
    </xf>
    <xf numFmtId="0" fontId="21" fillId="0" borderId="112" xfId="0" applyFont="1" applyBorder="1" applyAlignment="1" applyProtection="1">
      <alignment horizontal="left" vertical="center" shrinkToFit="1"/>
      <protection hidden="1"/>
    </xf>
    <xf numFmtId="0" fontId="21" fillId="0" borderId="54" xfId="0" applyFont="1" applyBorder="1" applyAlignment="1" applyProtection="1">
      <alignment horizontal="center" vertical="center"/>
      <protection hidden="1"/>
    </xf>
    <xf numFmtId="0" fontId="21" fillId="0" borderId="12" xfId="0" applyFont="1" applyBorder="1" applyAlignment="1" applyProtection="1">
      <alignment horizontal="center" vertical="center"/>
      <protection hidden="1"/>
    </xf>
    <xf numFmtId="0" fontId="21" fillId="0" borderId="112" xfId="0" applyFont="1" applyBorder="1" applyAlignment="1" applyProtection="1">
      <alignment horizontal="center" vertical="center"/>
      <protection hidden="1"/>
    </xf>
    <xf numFmtId="0" fontId="27" fillId="0" borderId="111" xfId="0" applyFont="1" applyBorder="1" applyAlignment="1" applyProtection="1">
      <alignment horizontal="center" vertical="center"/>
      <protection locked="0"/>
    </xf>
    <xf numFmtId="0" fontId="27" fillId="0" borderId="157" xfId="0" applyFont="1" applyBorder="1" applyAlignment="1" applyProtection="1">
      <alignment horizontal="center" vertical="center"/>
      <protection locked="0"/>
    </xf>
    <xf numFmtId="38" fontId="27" fillId="0" borderId="55" xfId="6" applyFont="1" applyBorder="1" applyAlignment="1" applyProtection="1">
      <alignment horizontal="right" vertical="center"/>
      <protection hidden="1"/>
    </xf>
    <xf numFmtId="38" fontId="27" fillId="0" borderId="12" xfId="6" applyFont="1" applyBorder="1" applyAlignment="1" applyProtection="1">
      <alignment horizontal="right" vertical="center"/>
      <protection hidden="1"/>
    </xf>
    <xf numFmtId="38" fontId="28" fillId="0" borderId="132" xfId="0" applyNumberFormat="1" applyFont="1" applyBorder="1" applyAlignment="1" applyProtection="1">
      <alignment horizontal="right" vertical="center"/>
      <protection hidden="1"/>
    </xf>
    <xf numFmtId="38" fontId="28" fillId="0" borderId="115" xfId="0" applyNumberFormat="1" applyFont="1" applyBorder="1" applyAlignment="1" applyProtection="1">
      <alignment horizontal="right" vertical="center"/>
      <protection hidden="1"/>
    </xf>
    <xf numFmtId="0" fontId="23" fillId="3" borderId="148" xfId="0" applyFont="1" applyFill="1" applyBorder="1" applyAlignment="1" applyProtection="1">
      <alignment horizontal="right" vertical="center" wrapText="1"/>
      <protection hidden="1"/>
    </xf>
    <xf numFmtId="0" fontId="23" fillId="3" borderId="22" xfId="0" applyFont="1" applyFill="1" applyBorder="1" applyAlignment="1" applyProtection="1">
      <alignment horizontal="right" vertical="center"/>
      <protection hidden="1"/>
    </xf>
    <xf numFmtId="38" fontId="47" fillId="0" borderId="181" xfId="0" applyNumberFormat="1" applyFont="1" applyBorder="1" applyAlignment="1" applyProtection="1">
      <alignment horizontal="right" vertical="center"/>
      <protection hidden="1"/>
    </xf>
    <xf numFmtId="38" fontId="47" fillId="0" borderId="22" xfId="0" applyNumberFormat="1" applyFont="1" applyBorder="1" applyAlignment="1" applyProtection="1">
      <alignment horizontal="right" vertical="center"/>
      <protection hidden="1"/>
    </xf>
    <xf numFmtId="0" fontId="9" fillId="6" borderId="35" xfId="0" applyFont="1" applyFill="1" applyBorder="1" applyAlignment="1" applyProtection="1">
      <alignment horizontal="center" vertical="center"/>
      <protection hidden="1"/>
    </xf>
    <xf numFmtId="0" fontId="9" fillId="6" borderId="20" xfId="0" applyFont="1" applyFill="1" applyBorder="1" applyAlignment="1" applyProtection="1">
      <alignment horizontal="center" vertical="center"/>
      <protection hidden="1"/>
    </xf>
    <xf numFmtId="0" fontId="21" fillId="2" borderId="104" xfId="0" applyFont="1" applyFill="1" applyBorder="1" applyAlignment="1" applyProtection="1">
      <alignment horizontal="center" vertical="center"/>
      <protection hidden="1"/>
    </xf>
    <xf numFmtId="0" fontId="21" fillId="2" borderId="20" xfId="0" applyFont="1" applyFill="1" applyBorder="1" applyAlignment="1" applyProtection="1">
      <alignment horizontal="center" vertical="center"/>
      <protection hidden="1"/>
    </xf>
    <xf numFmtId="0" fontId="21" fillId="2" borderId="33" xfId="0" applyFont="1" applyFill="1" applyBorder="1" applyAlignment="1" applyProtection="1">
      <alignment horizontal="center" vertical="center"/>
      <protection hidden="1"/>
    </xf>
    <xf numFmtId="0" fontId="14" fillId="4" borderId="158" xfId="0" applyFont="1" applyFill="1" applyBorder="1" applyAlignment="1" applyProtection="1">
      <alignment horizontal="center" vertical="center" wrapText="1"/>
      <protection hidden="1"/>
    </xf>
    <xf numFmtId="0" fontId="14" fillId="4" borderId="152" xfId="0" applyFont="1" applyFill="1" applyBorder="1" applyAlignment="1" applyProtection="1">
      <alignment horizontal="center" vertical="center" wrapText="1"/>
      <protection hidden="1"/>
    </xf>
    <xf numFmtId="0" fontId="14" fillId="3" borderId="152" xfId="0" applyFont="1" applyFill="1" applyBorder="1" applyAlignment="1" applyProtection="1">
      <alignment horizontal="center" vertical="center" wrapText="1"/>
      <protection hidden="1"/>
    </xf>
    <xf numFmtId="0" fontId="14" fillId="3" borderId="94" xfId="0" applyFont="1" applyFill="1" applyBorder="1" applyAlignment="1" applyProtection="1">
      <alignment horizontal="center" vertical="center" wrapText="1"/>
      <protection hidden="1"/>
    </xf>
    <xf numFmtId="0" fontId="14" fillId="3" borderId="95" xfId="0" applyFont="1" applyFill="1" applyBorder="1" applyAlignment="1" applyProtection="1">
      <alignment horizontal="center" vertical="center" wrapText="1"/>
      <protection hidden="1"/>
    </xf>
    <xf numFmtId="0" fontId="14" fillId="3" borderId="96" xfId="0" applyFont="1" applyFill="1" applyBorder="1" applyAlignment="1" applyProtection="1">
      <alignment horizontal="center" vertical="center" wrapText="1"/>
      <protection hidden="1"/>
    </xf>
    <xf numFmtId="0" fontId="14" fillId="3" borderId="94" xfId="0" applyFont="1" applyFill="1" applyBorder="1" applyAlignment="1" applyProtection="1">
      <alignment horizontal="center" vertical="center"/>
      <protection hidden="1"/>
    </xf>
    <xf numFmtId="0" fontId="14" fillId="3" borderId="95" xfId="0" applyFont="1" applyFill="1" applyBorder="1" applyAlignment="1" applyProtection="1">
      <alignment horizontal="center" vertical="center"/>
      <protection hidden="1"/>
    </xf>
    <xf numFmtId="0" fontId="14" fillId="3" borderId="96" xfId="0" applyFont="1" applyFill="1" applyBorder="1" applyAlignment="1" applyProtection="1">
      <alignment horizontal="center" vertical="center"/>
      <protection hidden="1"/>
    </xf>
    <xf numFmtId="0" fontId="14" fillId="4" borderId="152" xfId="0" applyFont="1" applyFill="1" applyBorder="1" applyAlignment="1" applyProtection="1">
      <alignment horizontal="center" vertical="center"/>
      <protection hidden="1"/>
    </xf>
    <xf numFmtId="0" fontId="14" fillId="4" borderId="159" xfId="0" applyFont="1" applyFill="1" applyBorder="1" applyAlignment="1" applyProtection="1">
      <alignment horizontal="center" vertical="center"/>
      <protection hidden="1"/>
    </xf>
    <xf numFmtId="38" fontId="27" fillId="0" borderId="51" xfId="6" applyFont="1" applyBorder="1" applyAlignment="1" applyProtection="1">
      <alignment horizontal="center" vertical="center"/>
      <protection hidden="1"/>
    </xf>
    <xf numFmtId="38" fontId="27" fillId="0" borderId="13" xfId="6" applyFont="1" applyBorder="1" applyAlignment="1" applyProtection="1">
      <alignment horizontal="center" vertical="center"/>
      <protection hidden="1"/>
    </xf>
    <xf numFmtId="38" fontId="27" fillId="0" borderId="16" xfId="6" applyFont="1" applyBorder="1" applyAlignment="1" applyProtection="1">
      <alignment horizontal="center" vertical="center"/>
      <protection hidden="1"/>
    </xf>
    <xf numFmtId="38" fontId="15" fillId="0" borderId="13" xfId="6" applyFont="1" applyBorder="1" applyAlignment="1" applyProtection="1">
      <alignment horizontal="center" vertical="center"/>
      <protection hidden="1"/>
    </xf>
    <xf numFmtId="38" fontId="15" fillId="0" borderId="97" xfId="6" applyFont="1" applyBorder="1" applyAlignment="1" applyProtection="1">
      <alignment horizontal="center" vertical="center"/>
      <protection hidden="1"/>
    </xf>
    <xf numFmtId="38" fontId="27" fillId="0" borderId="52" xfId="6" applyFont="1" applyBorder="1" applyAlignment="1" applyProtection="1">
      <alignment horizontal="right" vertical="center"/>
      <protection hidden="1"/>
    </xf>
    <xf numFmtId="38" fontId="27" fillId="0" borderId="13" xfId="6" applyFont="1" applyBorder="1" applyAlignment="1" applyProtection="1">
      <alignment horizontal="right" vertical="center"/>
      <protection hidden="1"/>
    </xf>
    <xf numFmtId="38" fontId="28" fillId="0" borderId="52" xfId="0" applyNumberFormat="1" applyFont="1" applyBorder="1" applyAlignment="1" applyProtection="1">
      <alignment horizontal="right" vertical="center"/>
      <protection hidden="1"/>
    </xf>
    <xf numFmtId="38" fontId="28" fillId="0" borderId="13" xfId="0" applyNumberFormat="1" applyFont="1" applyBorder="1" applyAlignment="1" applyProtection="1">
      <alignment horizontal="right" vertical="center"/>
      <protection hidden="1"/>
    </xf>
    <xf numFmtId="0" fontId="27" fillId="0" borderId="102" xfId="0" applyFont="1" applyBorder="1" applyAlignment="1" applyProtection="1">
      <alignment horizontal="center" vertical="center" shrinkToFit="1"/>
      <protection hidden="1"/>
    </xf>
    <xf numFmtId="0" fontId="27" fillId="0" borderId="207" xfId="0" applyFont="1" applyBorder="1" applyAlignment="1" applyProtection="1">
      <alignment horizontal="center" vertical="center" shrinkToFit="1"/>
      <protection hidden="1"/>
    </xf>
    <xf numFmtId="0" fontId="27" fillId="0" borderId="98" xfId="0" applyFont="1" applyBorder="1" applyAlignment="1" applyProtection="1">
      <alignment horizontal="left" vertical="center" shrinkToFit="1"/>
      <protection hidden="1"/>
    </xf>
    <xf numFmtId="0" fontId="27" fillId="0" borderId="99" xfId="0" applyFont="1" applyBorder="1" applyAlignment="1" applyProtection="1">
      <alignment horizontal="left" vertical="center" shrinkToFit="1"/>
      <protection hidden="1"/>
    </xf>
    <xf numFmtId="0" fontId="27" fillId="0" borderId="100" xfId="0" applyFont="1" applyBorder="1" applyAlignment="1" applyProtection="1">
      <alignment horizontal="left" vertical="center" shrinkToFit="1"/>
      <protection hidden="1"/>
    </xf>
    <xf numFmtId="38" fontId="27" fillId="0" borderId="98" xfId="6" applyFont="1" applyBorder="1" applyAlignment="1" applyProtection="1">
      <alignment horizontal="center" vertical="center"/>
      <protection hidden="1"/>
    </xf>
    <xf numFmtId="38" fontId="27" fillId="0" borderId="99" xfId="6" applyFont="1" applyBorder="1" applyAlignment="1" applyProtection="1">
      <alignment horizontal="center" vertical="center"/>
      <protection hidden="1"/>
    </xf>
    <xf numFmtId="38" fontId="27" fillId="0" borderId="100" xfId="6" applyFont="1" applyBorder="1" applyAlignment="1" applyProtection="1">
      <alignment horizontal="center" vertical="center"/>
      <protection hidden="1"/>
    </xf>
    <xf numFmtId="38" fontId="14" fillId="0" borderId="99" xfId="6" applyFont="1" applyBorder="1" applyAlignment="1" applyProtection="1">
      <alignment horizontal="center" vertical="center"/>
      <protection hidden="1"/>
    </xf>
    <xf numFmtId="38" fontId="14" fillId="0" borderId="136" xfId="6" applyFont="1" applyBorder="1" applyAlignment="1" applyProtection="1">
      <alignment horizontal="center" vertical="center"/>
      <protection hidden="1"/>
    </xf>
    <xf numFmtId="38" fontId="27" fillId="0" borderId="135" xfId="6" applyFont="1" applyBorder="1" applyAlignment="1" applyProtection="1">
      <alignment horizontal="right" vertical="center"/>
      <protection hidden="1"/>
    </xf>
    <xf numFmtId="38" fontId="27" fillId="0" borderId="99" xfId="6" applyFont="1" applyBorder="1" applyAlignment="1" applyProtection="1">
      <alignment horizontal="right" vertical="center"/>
      <protection hidden="1"/>
    </xf>
    <xf numFmtId="0" fontId="20" fillId="6" borderId="106" xfId="0" applyFont="1" applyFill="1" applyBorder="1" applyAlignment="1" applyProtection="1">
      <alignment horizontal="center" vertical="center" wrapText="1"/>
      <protection hidden="1"/>
    </xf>
    <xf numFmtId="0" fontId="20" fillId="6" borderId="57" xfId="0" applyFont="1" applyFill="1" applyBorder="1" applyAlignment="1" applyProtection="1">
      <alignment horizontal="center" vertical="center" wrapText="1"/>
      <protection hidden="1"/>
    </xf>
    <xf numFmtId="0" fontId="20" fillId="6" borderId="109" xfId="0" applyFont="1" applyFill="1" applyBorder="1" applyAlignment="1" applyProtection="1">
      <alignment horizontal="center" vertical="center" wrapText="1"/>
      <protection hidden="1"/>
    </xf>
    <xf numFmtId="0" fontId="20" fillId="6" borderId="59" xfId="0" applyFont="1" applyFill="1" applyBorder="1" applyAlignment="1" applyProtection="1">
      <alignment horizontal="center" vertical="center" wrapText="1"/>
      <protection hidden="1"/>
    </xf>
    <xf numFmtId="0" fontId="20" fillId="6" borderId="77" xfId="0" applyFont="1" applyFill="1" applyBorder="1" applyAlignment="1" applyProtection="1">
      <alignment horizontal="center" vertical="center" wrapText="1"/>
      <protection hidden="1"/>
    </xf>
    <xf numFmtId="0" fontId="20" fillId="3" borderId="77" xfId="0" applyFont="1" applyFill="1" applyBorder="1" applyAlignment="1" applyProtection="1">
      <alignment horizontal="center" vertical="center"/>
      <protection hidden="1"/>
    </xf>
    <xf numFmtId="38" fontId="47" fillId="0" borderId="205" xfId="0" applyNumberFormat="1" applyFont="1" applyBorder="1" applyAlignment="1" applyProtection="1">
      <alignment horizontal="right" vertical="center"/>
      <protection hidden="1"/>
    </xf>
    <xf numFmtId="38" fontId="47" fillId="0" borderId="82" xfId="0" applyNumberFormat="1" applyFont="1" applyBorder="1" applyAlignment="1" applyProtection="1">
      <alignment horizontal="right" vertical="center"/>
      <protection hidden="1"/>
    </xf>
    <xf numFmtId="38" fontId="47" fillId="0" borderId="11" xfId="0" applyNumberFormat="1" applyFont="1" applyBorder="1" applyAlignment="1" applyProtection="1">
      <alignment horizontal="right" vertical="center"/>
      <protection hidden="1"/>
    </xf>
    <xf numFmtId="38" fontId="47" fillId="0" borderId="0" xfId="0" applyNumberFormat="1" applyFont="1" applyAlignment="1" applyProtection="1">
      <alignment horizontal="right" vertical="center"/>
      <protection hidden="1"/>
    </xf>
    <xf numFmtId="38" fontId="47" fillId="0" borderId="102" xfId="0" applyNumberFormat="1" applyFont="1" applyBorder="1" applyAlignment="1" applyProtection="1">
      <alignment horizontal="right" vertical="center"/>
      <protection hidden="1"/>
    </xf>
    <xf numFmtId="38" fontId="47" fillId="0" borderId="19" xfId="0" applyNumberFormat="1" applyFont="1" applyBorder="1" applyAlignment="1" applyProtection="1">
      <alignment horizontal="right" vertical="center"/>
      <protection hidden="1"/>
    </xf>
    <xf numFmtId="38" fontId="15" fillId="0" borderId="131" xfId="0" applyNumberFormat="1" applyFont="1" applyBorder="1" applyAlignment="1" applyProtection="1">
      <alignment horizontal="center" vertical="center"/>
      <protection hidden="1"/>
    </xf>
    <xf numFmtId="38" fontId="15" fillId="0" borderId="66" xfId="0" applyNumberFormat="1" applyFont="1" applyBorder="1" applyAlignment="1" applyProtection="1">
      <alignment horizontal="center" vertical="center"/>
      <protection hidden="1"/>
    </xf>
    <xf numFmtId="38" fontId="15" fillId="0" borderId="103" xfId="0" applyNumberFormat="1" applyFont="1" applyBorder="1" applyAlignment="1" applyProtection="1">
      <alignment horizontal="center" vertical="center"/>
      <protection hidden="1"/>
    </xf>
    <xf numFmtId="0" fontId="27" fillId="0" borderId="52" xfId="0" applyFont="1" applyBorder="1" applyAlignment="1" applyProtection="1">
      <alignment horizontal="center" vertical="center" shrinkToFit="1"/>
      <protection hidden="1"/>
    </xf>
    <xf numFmtId="0" fontId="27" fillId="0" borderId="16" xfId="0" applyFont="1" applyBorder="1" applyAlignment="1" applyProtection="1">
      <alignment horizontal="center" vertical="center" shrinkToFit="1"/>
      <protection hidden="1"/>
    </xf>
    <xf numFmtId="0" fontId="27" fillId="0" borderId="51" xfId="0" applyFont="1" applyBorder="1" applyAlignment="1" applyProtection="1">
      <alignment horizontal="left" vertical="center" shrinkToFit="1"/>
      <protection hidden="1"/>
    </xf>
    <xf numFmtId="0" fontId="27" fillId="0" borderId="13" xfId="0" applyFont="1" applyBorder="1" applyAlignment="1" applyProtection="1">
      <alignment horizontal="left" vertical="center" shrinkToFit="1"/>
      <protection hidden="1"/>
    </xf>
    <xf numFmtId="0" fontId="27" fillId="0" borderId="16" xfId="0" applyFont="1" applyBorder="1" applyAlignment="1" applyProtection="1">
      <alignment horizontal="left" vertical="center" shrinkToFit="1"/>
      <protection hidden="1"/>
    </xf>
    <xf numFmtId="0" fontId="14" fillId="0" borderId="65" xfId="0" applyFont="1" applyBorder="1" applyAlignment="1" applyProtection="1">
      <alignment horizontal="center" vertical="center" wrapText="1" shrinkToFit="1"/>
      <protection hidden="1"/>
    </xf>
    <xf numFmtId="0" fontId="14" fillId="0" borderId="5" xfId="0" applyFont="1" applyBorder="1" applyAlignment="1" applyProtection="1">
      <alignment horizontal="center" vertical="center" shrinkToFit="1"/>
      <protection hidden="1"/>
    </xf>
    <xf numFmtId="0" fontId="14" fillId="0" borderId="6" xfId="0" applyFont="1" applyBorder="1" applyAlignment="1" applyProtection="1">
      <alignment horizontal="center" vertical="center" shrinkToFit="1"/>
      <protection hidden="1"/>
    </xf>
    <xf numFmtId="0" fontId="14" fillId="0" borderId="83" xfId="0" applyFont="1" applyBorder="1" applyAlignment="1" applyProtection="1">
      <alignment horizontal="center" vertical="center" shrinkToFit="1"/>
      <protection hidden="1"/>
    </xf>
    <xf numFmtId="0" fontId="14" fillId="0" borderId="0" xfId="0" applyFont="1" applyAlignment="1" applyProtection="1">
      <alignment horizontal="center" vertical="center" shrinkToFit="1"/>
      <protection hidden="1"/>
    </xf>
    <xf numFmtId="0" fontId="14" fillId="0" borderId="10" xfId="0" applyFont="1" applyBorder="1" applyAlignment="1" applyProtection="1">
      <alignment horizontal="center" vertical="center" shrinkToFit="1"/>
      <protection hidden="1"/>
    </xf>
    <xf numFmtId="0" fontId="14" fillId="0" borderId="79" xfId="0" applyFont="1" applyBorder="1" applyAlignment="1" applyProtection="1">
      <alignment horizontal="center" vertical="center" shrinkToFit="1"/>
      <protection hidden="1"/>
    </xf>
    <xf numFmtId="0" fontId="14" fillId="0" borderId="19" xfId="0" applyFont="1" applyBorder="1" applyAlignment="1" applyProtection="1">
      <alignment horizontal="center" vertical="center" shrinkToFit="1"/>
      <protection hidden="1"/>
    </xf>
    <xf numFmtId="0" fontId="14" fillId="0" borderId="80" xfId="0" applyFont="1" applyBorder="1" applyAlignment="1" applyProtection="1">
      <alignment horizontal="center" vertical="center" shrinkToFit="1"/>
      <protection hidden="1"/>
    </xf>
    <xf numFmtId="0" fontId="27" fillId="0" borderId="8" xfId="0" applyFont="1" applyBorder="1" applyAlignment="1" applyProtection="1">
      <alignment horizontal="center" vertical="center" shrinkToFit="1"/>
      <protection hidden="1"/>
    </xf>
    <xf numFmtId="0" fontId="27" fillId="0" borderId="5" xfId="0" applyFont="1" applyBorder="1" applyAlignment="1" applyProtection="1">
      <alignment horizontal="center" vertical="center" shrinkToFit="1"/>
      <protection hidden="1"/>
    </xf>
    <xf numFmtId="0" fontId="27" fillId="0" borderId="6" xfId="0" applyFont="1" applyBorder="1" applyAlignment="1" applyProtection="1">
      <alignment horizontal="center" vertical="center" shrinkToFit="1"/>
      <protection hidden="1"/>
    </xf>
    <xf numFmtId="0" fontId="27" fillId="0" borderId="11" xfId="0" applyFont="1" applyBorder="1" applyAlignment="1" applyProtection="1">
      <alignment horizontal="center" vertical="center" shrinkToFit="1"/>
      <protection hidden="1"/>
    </xf>
    <xf numFmtId="0" fontId="27" fillId="0" borderId="0" xfId="0" applyFont="1" applyAlignment="1" applyProtection="1">
      <alignment horizontal="center" vertical="center" shrinkToFit="1"/>
      <protection hidden="1"/>
    </xf>
    <xf numFmtId="0" fontId="27" fillId="0" borderId="10" xfId="0" applyFont="1" applyBorder="1" applyAlignment="1" applyProtection="1">
      <alignment horizontal="center" vertical="center" shrinkToFit="1"/>
      <protection hidden="1"/>
    </xf>
    <xf numFmtId="0" fontId="27" fillId="0" borderId="19" xfId="0" applyFont="1" applyBorder="1" applyAlignment="1" applyProtection="1">
      <alignment horizontal="center" vertical="center" shrinkToFit="1"/>
      <protection hidden="1"/>
    </xf>
    <xf numFmtId="0" fontId="27" fillId="0" borderId="80" xfId="0" applyFont="1" applyBorder="1" applyAlignment="1" applyProtection="1">
      <alignment horizontal="center" vertical="center" shrinkToFit="1"/>
      <protection hidden="1"/>
    </xf>
    <xf numFmtId="0" fontId="27" fillId="0" borderId="132" xfId="0" applyFont="1" applyBorder="1" applyAlignment="1" applyProtection="1">
      <alignment horizontal="center" vertical="center" shrinkToFit="1"/>
      <protection hidden="1"/>
    </xf>
    <xf numFmtId="0" fontId="27" fillId="0" borderId="118" xfId="0" applyFont="1" applyBorder="1" applyAlignment="1" applyProtection="1">
      <alignment horizontal="center" vertical="center" shrinkToFit="1"/>
      <protection hidden="1"/>
    </xf>
    <xf numFmtId="0" fontId="27" fillId="0" borderId="117" xfId="0" applyFont="1" applyBorder="1" applyAlignment="1" applyProtection="1">
      <alignment horizontal="left" vertical="center" shrinkToFit="1"/>
      <protection hidden="1"/>
    </xf>
    <xf numFmtId="0" fontId="27" fillId="0" borderId="115" xfId="0" applyFont="1" applyBorder="1" applyAlignment="1" applyProtection="1">
      <alignment horizontal="left" vertical="center" shrinkToFit="1"/>
      <protection hidden="1"/>
    </xf>
    <xf numFmtId="0" fontId="27" fillId="0" borderId="118" xfId="0" applyFont="1" applyBorder="1" applyAlignment="1" applyProtection="1">
      <alignment horizontal="left" vertical="center" shrinkToFit="1"/>
      <protection hidden="1"/>
    </xf>
    <xf numFmtId="38" fontId="27" fillId="0" borderId="117" xfId="6" applyFont="1" applyBorder="1" applyAlignment="1" applyProtection="1">
      <alignment horizontal="center" vertical="center"/>
      <protection hidden="1"/>
    </xf>
    <xf numFmtId="38" fontId="27" fillId="0" borderId="115" xfId="6" applyFont="1" applyBorder="1" applyAlignment="1" applyProtection="1">
      <alignment horizontal="center" vertical="center"/>
      <protection hidden="1"/>
    </xf>
    <xf numFmtId="38" fontId="27" fillId="0" borderId="118" xfId="6" applyFont="1" applyBorder="1" applyAlignment="1" applyProtection="1">
      <alignment horizontal="center" vertical="center"/>
      <protection hidden="1"/>
    </xf>
    <xf numFmtId="38" fontId="15" fillId="0" borderId="115" xfId="6" applyFont="1" applyBorder="1" applyAlignment="1" applyProtection="1">
      <alignment horizontal="center" vertical="center"/>
      <protection hidden="1"/>
    </xf>
    <xf numFmtId="38" fontId="15" fillId="0" borderId="119" xfId="6" applyFont="1" applyBorder="1" applyAlignment="1" applyProtection="1">
      <alignment horizontal="center" vertical="center"/>
      <protection hidden="1"/>
    </xf>
    <xf numFmtId="179" fontId="27" fillId="0" borderId="51" xfId="10" applyNumberFormat="1" applyFont="1" applyFill="1" applyBorder="1" applyAlignment="1" applyProtection="1">
      <alignment horizontal="center" vertical="center" shrinkToFit="1"/>
      <protection locked="0"/>
    </xf>
    <xf numFmtId="179" fontId="27" fillId="0" borderId="13" xfId="10" applyNumberFormat="1" applyFont="1" applyFill="1" applyBorder="1" applyAlignment="1" applyProtection="1">
      <alignment horizontal="center" vertical="center" shrinkToFit="1"/>
      <protection locked="0"/>
    </xf>
    <xf numFmtId="179" fontId="27" fillId="0" borderId="53" xfId="10" applyNumberFormat="1" applyFont="1" applyFill="1" applyBorder="1" applyAlignment="1" applyProtection="1">
      <alignment horizontal="center" vertical="center" shrinkToFit="1"/>
      <protection locked="0"/>
    </xf>
    <xf numFmtId="49" fontId="21" fillId="0" borderId="140" xfId="0" applyNumberFormat="1" applyFont="1" applyBorder="1" applyAlignment="1" applyProtection="1">
      <alignment horizontal="center" vertical="center" shrinkToFit="1"/>
      <protection locked="0"/>
    </xf>
    <xf numFmtId="49" fontId="21" fillId="0" borderId="125" xfId="0" applyNumberFormat="1" applyFont="1" applyBorder="1" applyAlignment="1" applyProtection="1">
      <alignment horizontal="center" vertical="center" shrinkToFit="1"/>
      <protection locked="0"/>
    </xf>
    <xf numFmtId="49" fontId="21" fillId="0" borderId="128" xfId="0" applyNumberFormat="1" applyFont="1" applyBorder="1" applyAlignment="1" applyProtection="1">
      <alignment horizontal="center" vertical="center" shrinkToFit="1"/>
      <protection locked="0"/>
    </xf>
    <xf numFmtId="49" fontId="21" fillId="0" borderId="127" xfId="0" applyNumberFormat="1" applyFont="1" applyBorder="1" applyAlignment="1" applyProtection="1">
      <alignment horizontal="center" vertical="center" shrinkToFit="1"/>
      <protection locked="0"/>
    </xf>
    <xf numFmtId="0" fontId="21" fillId="0" borderId="127" xfId="0" applyFont="1" applyBorder="1" applyAlignment="1" applyProtection="1">
      <alignment horizontal="left" vertical="center" shrinkToFit="1"/>
      <protection hidden="1"/>
    </xf>
    <xf numFmtId="0" fontId="21" fillId="0" borderId="125" xfId="0" applyFont="1" applyBorder="1" applyAlignment="1" applyProtection="1">
      <alignment horizontal="left" vertical="center" shrinkToFit="1"/>
      <protection hidden="1"/>
    </xf>
    <xf numFmtId="0" fontId="21" fillId="0" borderId="128" xfId="0" applyFont="1" applyBorder="1" applyAlignment="1" applyProtection="1">
      <alignment horizontal="left" vertical="center" shrinkToFit="1"/>
      <protection hidden="1"/>
    </xf>
    <xf numFmtId="0" fontId="27" fillId="0" borderId="127" xfId="10" applyNumberFormat="1" applyFont="1" applyFill="1" applyBorder="1" applyAlignment="1" applyProtection="1">
      <alignment horizontal="center" vertical="center" shrinkToFit="1"/>
      <protection hidden="1"/>
    </xf>
    <xf numFmtId="0" fontId="27" fillId="0" borderId="125" xfId="10" applyNumberFormat="1" applyFont="1" applyFill="1" applyBorder="1" applyAlignment="1" applyProtection="1">
      <alignment horizontal="center" vertical="center" shrinkToFit="1"/>
      <protection hidden="1"/>
    </xf>
    <xf numFmtId="0" fontId="27" fillId="0" borderId="128" xfId="10" applyNumberFormat="1" applyFont="1" applyFill="1" applyBorder="1" applyAlignment="1" applyProtection="1">
      <alignment horizontal="center" vertical="center" shrinkToFit="1"/>
      <protection hidden="1"/>
    </xf>
    <xf numFmtId="38" fontId="27" fillId="2" borderId="127" xfId="141" applyFont="1" applyFill="1" applyBorder="1" applyAlignment="1" applyProtection="1">
      <alignment horizontal="right" vertical="center" shrinkToFit="1"/>
      <protection locked="0"/>
    </xf>
    <xf numFmtId="38" fontId="27" fillId="2" borderId="125" xfId="141" applyFont="1" applyFill="1" applyBorder="1" applyAlignment="1" applyProtection="1">
      <alignment horizontal="right" vertical="center" shrinkToFit="1"/>
      <protection locked="0"/>
    </xf>
    <xf numFmtId="38" fontId="27" fillId="2" borderId="128" xfId="141" applyFont="1" applyFill="1" applyBorder="1" applyAlignment="1" applyProtection="1">
      <alignment horizontal="right" vertical="center" shrinkToFit="1"/>
      <protection locked="0"/>
    </xf>
    <xf numFmtId="183" fontId="27" fillId="0" borderId="127" xfId="10" applyNumberFormat="1" applyFont="1" applyFill="1" applyBorder="1" applyAlignment="1" applyProtection="1">
      <alignment horizontal="right" vertical="center" shrinkToFit="1"/>
      <protection hidden="1"/>
    </xf>
    <xf numFmtId="183" fontId="27" fillId="0" borderId="125" xfId="10" applyNumberFormat="1" applyFont="1" applyFill="1" applyBorder="1" applyAlignment="1" applyProtection="1">
      <alignment horizontal="right" vertical="center" shrinkToFit="1"/>
      <protection hidden="1"/>
    </xf>
    <xf numFmtId="183" fontId="27" fillId="0" borderId="128" xfId="10" applyNumberFormat="1" applyFont="1" applyFill="1" applyBorder="1" applyAlignment="1" applyProtection="1">
      <alignment horizontal="right" vertical="center" shrinkToFit="1"/>
      <protection hidden="1"/>
    </xf>
    <xf numFmtId="0" fontId="27" fillId="2" borderId="127" xfId="10" applyNumberFormat="1" applyFont="1" applyFill="1" applyBorder="1" applyAlignment="1" applyProtection="1">
      <alignment horizontal="center" vertical="center" shrinkToFit="1"/>
      <protection hidden="1"/>
    </xf>
    <xf numFmtId="0" fontId="27" fillId="2" borderId="125" xfId="10" applyNumberFormat="1" applyFont="1" applyFill="1" applyBorder="1" applyAlignment="1" applyProtection="1">
      <alignment horizontal="center" vertical="center" shrinkToFit="1"/>
      <protection hidden="1"/>
    </xf>
    <xf numFmtId="0" fontId="27" fillId="2" borderId="128" xfId="10" applyNumberFormat="1" applyFont="1" applyFill="1" applyBorder="1" applyAlignment="1" applyProtection="1">
      <alignment horizontal="center" vertical="center" shrinkToFit="1"/>
      <protection hidden="1"/>
    </xf>
    <xf numFmtId="179" fontId="27" fillId="0" borderId="127" xfId="10" applyNumberFormat="1" applyFont="1" applyFill="1" applyBorder="1" applyAlignment="1" applyProtection="1">
      <alignment horizontal="center" vertical="center" shrinkToFit="1"/>
      <protection locked="0"/>
    </xf>
    <xf numFmtId="179" fontId="27" fillId="0" borderId="125" xfId="10" applyNumberFormat="1" applyFont="1" applyFill="1" applyBorder="1" applyAlignment="1" applyProtection="1">
      <alignment horizontal="center" vertical="center" shrinkToFit="1"/>
      <protection locked="0"/>
    </xf>
    <xf numFmtId="179" fontId="27" fillId="0" borderId="129" xfId="10" applyNumberFormat="1" applyFont="1" applyFill="1" applyBorder="1" applyAlignment="1" applyProtection="1">
      <alignment horizontal="center" vertical="center" shrinkToFit="1"/>
      <protection locked="0"/>
    </xf>
    <xf numFmtId="49" fontId="21" fillId="0" borderId="141" xfId="0" applyNumberFormat="1" applyFont="1" applyBorder="1" applyAlignment="1" applyProtection="1">
      <alignment horizontal="center" vertical="center" shrinkToFit="1"/>
      <protection locked="0"/>
    </xf>
    <xf numFmtId="49" fontId="21" fillId="0" borderId="13" xfId="0" applyNumberFormat="1" applyFont="1" applyBorder="1" applyAlignment="1" applyProtection="1">
      <alignment horizontal="center" vertical="center" shrinkToFit="1"/>
      <protection locked="0"/>
    </xf>
    <xf numFmtId="49" fontId="21" fillId="0" borderId="16" xfId="0" applyNumberFormat="1" applyFont="1" applyBorder="1" applyAlignment="1" applyProtection="1">
      <alignment horizontal="center" vertical="center" shrinkToFit="1"/>
      <protection locked="0"/>
    </xf>
    <xf numFmtId="49" fontId="21" fillId="0" borderId="51" xfId="0" applyNumberFormat="1" applyFont="1" applyBorder="1" applyAlignment="1" applyProtection="1">
      <alignment horizontal="center" vertical="center" shrinkToFit="1"/>
      <protection locked="0"/>
    </xf>
    <xf numFmtId="0" fontId="27" fillId="0" borderId="54" xfId="10" applyNumberFormat="1" applyFont="1" applyFill="1" applyBorder="1" applyAlignment="1" applyProtection="1">
      <alignment horizontal="center" vertical="center" shrinkToFit="1"/>
      <protection hidden="1"/>
    </xf>
    <xf numFmtId="0" fontId="27" fillId="0" borderId="12" xfId="10" applyNumberFormat="1" applyFont="1" applyFill="1" applyBorder="1" applyAlignment="1" applyProtection="1">
      <alignment horizontal="center" vertical="center" shrinkToFit="1"/>
      <protection hidden="1"/>
    </xf>
    <xf numFmtId="0" fontId="27" fillId="0" borderId="112" xfId="10" applyNumberFormat="1" applyFont="1" applyFill="1" applyBorder="1" applyAlignment="1" applyProtection="1">
      <alignment horizontal="center" vertical="center" shrinkToFit="1"/>
      <protection hidden="1"/>
    </xf>
    <xf numFmtId="38" fontId="27" fillId="2" borderId="51" xfId="141" applyFont="1" applyFill="1" applyBorder="1" applyAlignment="1" applyProtection="1">
      <alignment horizontal="right" vertical="center" shrinkToFit="1"/>
      <protection locked="0"/>
    </xf>
    <xf numFmtId="38" fontId="27" fillId="2" borderId="13" xfId="141" applyFont="1" applyFill="1" applyBorder="1" applyAlignment="1" applyProtection="1">
      <alignment horizontal="right" vertical="center" shrinkToFit="1"/>
      <protection locked="0"/>
    </xf>
    <xf numFmtId="38" fontId="27" fillId="2" borderId="16" xfId="141" applyFont="1" applyFill="1" applyBorder="1" applyAlignment="1" applyProtection="1">
      <alignment horizontal="right" vertical="center" shrinkToFit="1"/>
      <protection locked="0"/>
    </xf>
    <xf numFmtId="183" fontId="27" fillId="0" borderId="54" xfId="10" applyNumberFormat="1" applyFont="1" applyFill="1" applyBorder="1" applyAlignment="1" applyProtection="1">
      <alignment horizontal="right" vertical="center" shrinkToFit="1"/>
      <protection hidden="1"/>
    </xf>
    <xf numFmtId="183" fontId="27" fillId="0" borderId="12" xfId="10" applyNumberFormat="1" applyFont="1" applyFill="1" applyBorder="1" applyAlignment="1" applyProtection="1">
      <alignment horizontal="right" vertical="center" shrinkToFit="1"/>
      <protection hidden="1"/>
    </xf>
    <xf numFmtId="183" fontId="27" fillId="0" borderId="112" xfId="10" applyNumberFormat="1" applyFont="1" applyFill="1" applyBorder="1" applyAlignment="1" applyProtection="1">
      <alignment horizontal="right" vertical="center" shrinkToFit="1"/>
      <protection hidden="1"/>
    </xf>
    <xf numFmtId="0" fontId="27" fillId="2" borderId="54" xfId="10" applyNumberFormat="1" applyFont="1" applyFill="1" applyBorder="1" applyAlignment="1" applyProtection="1">
      <alignment horizontal="center" vertical="center" shrinkToFit="1"/>
      <protection hidden="1"/>
    </xf>
    <xf numFmtId="0" fontId="27" fillId="2" borderId="12" xfId="10" applyNumberFormat="1" applyFont="1" applyFill="1" applyBorder="1" applyAlignment="1" applyProtection="1">
      <alignment horizontal="center" vertical="center" shrinkToFit="1"/>
      <protection hidden="1"/>
    </xf>
    <xf numFmtId="0" fontId="27" fillId="2" borderId="112" xfId="10" applyNumberFormat="1" applyFont="1" applyFill="1" applyBorder="1" applyAlignment="1" applyProtection="1">
      <alignment horizontal="center" vertical="center" shrinkToFit="1"/>
      <protection hidden="1"/>
    </xf>
    <xf numFmtId="179" fontId="27" fillId="2" borderId="51" xfId="10" applyNumberFormat="1" applyFont="1" applyFill="1" applyBorder="1" applyAlignment="1" applyProtection="1">
      <alignment horizontal="center" vertical="center" shrinkToFit="1"/>
      <protection locked="0"/>
    </xf>
    <xf numFmtId="179" fontId="27" fillId="2" borderId="13" xfId="10" applyNumberFormat="1" applyFont="1" applyFill="1" applyBorder="1" applyAlignment="1" applyProtection="1">
      <alignment horizontal="center" vertical="center" shrinkToFit="1"/>
      <protection locked="0"/>
    </xf>
    <xf numFmtId="179" fontId="27" fillId="2" borderId="53" xfId="10" applyNumberFormat="1" applyFont="1" applyFill="1" applyBorder="1" applyAlignment="1" applyProtection="1">
      <alignment horizontal="center" vertical="center" shrinkToFit="1"/>
      <protection locked="0"/>
    </xf>
    <xf numFmtId="179" fontId="27" fillId="2" borderId="127" xfId="10" applyNumberFormat="1" applyFont="1" applyFill="1" applyBorder="1" applyAlignment="1" applyProtection="1">
      <alignment horizontal="center" vertical="center" shrinkToFit="1"/>
      <protection locked="0"/>
    </xf>
    <xf numFmtId="179" fontId="27" fillId="2" borderId="125" xfId="10" applyNumberFormat="1" applyFont="1" applyFill="1" applyBorder="1" applyAlignment="1" applyProtection="1">
      <alignment horizontal="center" vertical="center" shrinkToFit="1"/>
      <protection locked="0"/>
    </xf>
    <xf numFmtId="179" fontId="27" fillId="2" borderId="129" xfId="10" applyNumberFormat="1" applyFont="1" applyFill="1" applyBorder="1" applyAlignment="1" applyProtection="1">
      <alignment horizontal="center" vertical="center" shrinkToFit="1"/>
      <protection locked="0"/>
    </xf>
    <xf numFmtId="49" fontId="21" fillId="0" borderId="145" xfId="0" applyNumberFormat="1" applyFont="1" applyBorder="1" applyAlignment="1" applyProtection="1">
      <alignment horizontal="center" vertical="center" shrinkToFit="1"/>
      <protection locked="0"/>
    </xf>
    <xf numFmtId="49" fontId="21" fillId="0" borderId="12" xfId="0" applyNumberFormat="1" applyFont="1" applyBorder="1" applyAlignment="1" applyProtection="1">
      <alignment horizontal="center" vertical="center" shrinkToFit="1"/>
      <protection locked="0"/>
    </xf>
    <xf numFmtId="49" fontId="21" fillId="0" borderId="112" xfId="0" applyNumberFormat="1" applyFont="1" applyBorder="1" applyAlignment="1" applyProtection="1">
      <alignment horizontal="center" vertical="center" shrinkToFit="1"/>
      <protection locked="0"/>
    </xf>
    <xf numFmtId="49" fontId="21" fillId="0" borderId="54" xfId="0" applyNumberFormat="1" applyFont="1" applyBorder="1" applyAlignment="1" applyProtection="1">
      <alignment horizontal="center" vertical="center" shrinkToFit="1"/>
      <protection locked="0"/>
    </xf>
    <xf numFmtId="38" fontId="27" fillId="2" borderId="54" xfId="141" applyFont="1" applyFill="1" applyBorder="1" applyAlignment="1" applyProtection="1">
      <alignment horizontal="right" vertical="center" shrinkToFit="1"/>
      <protection locked="0"/>
    </xf>
    <xf numFmtId="38" fontId="27" fillId="2" borderId="12" xfId="141" applyFont="1" applyFill="1" applyBorder="1" applyAlignment="1" applyProtection="1">
      <alignment horizontal="right" vertical="center" shrinkToFit="1"/>
      <protection locked="0"/>
    </xf>
    <xf numFmtId="38" fontId="27" fillId="2" borderId="112" xfId="141" applyFont="1" applyFill="1" applyBorder="1" applyAlignment="1" applyProtection="1">
      <alignment horizontal="right" vertical="center" shrinkToFit="1"/>
      <protection locked="0"/>
    </xf>
    <xf numFmtId="179" fontId="27" fillId="2" borderId="54" xfId="10" applyNumberFormat="1" applyFont="1" applyFill="1" applyBorder="1" applyAlignment="1" applyProtection="1">
      <alignment horizontal="center" vertical="center" shrinkToFit="1"/>
      <protection locked="0"/>
    </xf>
    <xf numFmtId="179" fontId="27" fillId="2" borderId="12" xfId="10" applyNumberFormat="1" applyFont="1" applyFill="1" applyBorder="1" applyAlignment="1" applyProtection="1">
      <alignment horizontal="center" vertical="center" shrinkToFit="1"/>
      <protection locked="0"/>
    </xf>
    <xf numFmtId="179" fontId="27" fillId="2" borderId="56" xfId="10" applyNumberFormat="1" applyFont="1" applyFill="1" applyBorder="1" applyAlignment="1" applyProtection="1">
      <alignment horizontal="center" vertical="center" shrinkToFit="1"/>
      <protection locked="0"/>
    </xf>
    <xf numFmtId="0" fontId="85" fillId="0" borderId="185" xfId="0" applyFont="1" applyBorder="1" applyAlignment="1" applyProtection="1">
      <alignment horizontal="left" vertical="center" wrapText="1" shrinkToFit="1"/>
      <protection hidden="1"/>
    </xf>
    <xf numFmtId="0" fontId="85" fillId="0" borderId="143" xfId="0" applyFont="1" applyBorder="1" applyAlignment="1" applyProtection="1">
      <alignment horizontal="left" vertical="center" shrinkToFit="1"/>
      <protection hidden="1"/>
    </xf>
    <xf numFmtId="0" fontId="85" fillId="0" borderId="186" xfId="0" applyFont="1" applyBorder="1" applyAlignment="1" applyProtection="1">
      <alignment horizontal="left" vertical="center" shrinkToFit="1"/>
      <protection hidden="1"/>
    </xf>
    <xf numFmtId="38" fontId="7" fillId="38" borderId="1" xfId="14" applyFont="1" applyFill="1" applyBorder="1" applyAlignment="1" applyProtection="1">
      <alignment horizontal="center" vertical="center"/>
      <protection hidden="1"/>
    </xf>
    <xf numFmtId="38" fontId="7" fillId="38" borderId="2" xfId="14" applyFont="1" applyFill="1" applyBorder="1" applyAlignment="1" applyProtection="1">
      <alignment horizontal="center" vertical="center"/>
      <protection hidden="1"/>
    </xf>
    <xf numFmtId="0" fontId="14" fillId="4" borderId="155" xfId="0" applyFont="1" applyFill="1" applyBorder="1" applyAlignment="1" applyProtection="1">
      <alignment horizontal="center" vertical="center" shrinkToFit="1"/>
      <protection hidden="1"/>
    </xf>
    <xf numFmtId="0" fontId="14" fillId="4" borderId="95" xfId="0" applyFont="1" applyFill="1" applyBorder="1" applyAlignment="1" applyProtection="1">
      <alignment horizontal="center" vertical="center" shrinkToFit="1"/>
      <protection hidden="1"/>
    </xf>
    <xf numFmtId="0" fontId="14" fillId="4" borderId="96" xfId="0" applyFont="1" applyFill="1" applyBorder="1" applyAlignment="1" applyProtection="1">
      <alignment horizontal="center" vertical="center" shrinkToFit="1"/>
      <protection hidden="1"/>
    </xf>
    <xf numFmtId="0" fontId="14" fillId="4" borderId="94" xfId="0" applyFont="1" applyFill="1" applyBorder="1" applyAlignment="1" applyProtection="1">
      <alignment horizontal="center" vertical="center" shrinkToFit="1"/>
      <protection hidden="1"/>
    </xf>
    <xf numFmtId="0" fontId="14" fillId="4" borderId="94" xfId="0" applyFont="1" applyFill="1" applyBorder="1" applyAlignment="1" applyProtection="1">
      <alignment horizontal="center" vertical="center" wrapText="1"/>
      <protection hidden="1"/>
    </xf>
    <xf numFmtId="0" fontId="14" fillId="4" borderId="95" xfId="0" applyFont="1" applyFill="1" applyBorder="1" applyAlignment="1" applyProtection="1">
      <alignment horizontal="center" vertical="center"/>
      <protection hidden="1"/>
    </xf>
    <xf numFmtId="0" fontId="14" fillId="4" borderId="96" xfId="0" applyFont="1" applyFill="1" applyBorder="1" applyAlignment="1" applyProtection="1">
      <alignment horizontal="center" vertical="center"/>
      <protection hidden="1"/>
    </xf>
    <xf numFmtId="0" fontId="14" fillId="4" borderId="153" xfId="0" applyFont="1" applyFill="1" applyBorder="1" applyAlignment="1" applyProtection="1">
      <alignment horizontal="center" vertical="center"/>
      <protection hidden="1"/>
    </xf>
    <xf numFmtId="0" fontId="23" fillId="3" borderId="67" xfId="0" applyFont="1" applyFill="1" applyBorder="1" applyAlignment="1" applyProtection="1">
      <alignment horizontal="right" vertical="center"/>
      <protection hidden="1"/>
    </xf>
    <xf numFmtId="0" fontId="23" fillId="3" borderId="42" xfId="0" applyFont="1" applyFill="1" applyBorder="1" applyAlignment="1" applyProtection="1">
      <alignment horizontal="right" vertical="center"/>
      <protection hidden="1"/>
    </xf>
    <xf numFmtId="0" fontId="23" fillId="3" borderId="43" xfId="0" applyFont="1" applyFill="1" applyBorder="1" applyAlignment="1" applyProtection="1">
      <alignment horizontal="right" vertical="center"/>
      <protection hidden="1"/>
    </xf>
    <xf numFmtId="38" fontId="47" fillId="0" borderId="42" xfId="0" applyNumberFormat="1" applyFont="1" applyBorder="1" applyProtection="1">
      <alignment vertical="center"/>
      <protection hidden="1"/>
    </xf>
    <xf numFmtId="38" fontId="28" fillId="0" borderId="18" xfId="0" applyNumberFormat="1" applyFont="1" applyBorder="1" applyProtection="1">
      <alignment vertical="center"/>
      <protection hidden="1"/>
    </xf>
    <xf numFmtId="38" fontId="47" fillId="0" borderId="82" xfId="0" applyNumberFormat="1" applyFont="1" applyBorder="1" applyProtection="1">
      <alignment vertical="center"/>
      <protection hidden="1"/>
    </xf>
    <xf numFmtId="38" fontId="47" fillId="0" borderId="0" xfId="0" applyNumberFormat="1" applyFont="1" applyProtection="1">
      <alignment vertical="center"/>
      <protection hidden="1"/>
    </xf>
    <xf numFmtId="38" fontId="28" fillId="0" borderId="92" xfId="0" applyNumberFormat="1" applyFont="1" applyBorder="1" applyProtection="1">
      <alignment vertical="center"/>
      <protection hidden="1"/>
    </xf>
    <xf numFmtId="38" fontId="28" fillId="0" borderId="115" xfId="0" applyNumberFormat="1" applyFont="1" applyBorder="1" applyProtection="1">
      <alignment vertical="center"/>
      <protection hidden="1"/>
    </xf>
    <xf numFmtId="38" fontId="47" fillId="0" borderId="8" xfId="0" applyNumberFormat="1" applyFont="1" applyBorder="1" applyProtection="1">
      <alignment vertical="center"/>
      <protection hidden="1"/>
    </xf>
    <xf numFmtId="38" fontId="47" fillId="0" borderId="5" xfId="0" applyNumberFormat="1" applyFont="1" applyBorder="1" applyProtection="1">
      <alignment vertical="center"/>
      <protection hidden="1"/>
    </xf>
    <xf numFmtId="38" fontId="47" fillId="0" borderId="9" xfId="0" applyNumberFormat="1" applyFont="1" applyBorder="1" applyProtection="1">
      <alignment vertical="center"/>
      <protection hidden="1"/>
    </xf>
    <xf numFmtId="38" fontId="47" fillId="0" borderId="3" xfId="0" applyNumberFormat="1" applyFont="1" applyBorder="1" applyProtection="1">
      <alignment vertical="center"/>
      <protection hidden="1"/>
    </xf>
    <xf numFmtId="38" fontId="28" fillId="0" borderId="99" xfId="0" applyNumberFormat="1" applyFont="1" applyBorder="1" applyProtection="1">
      <alignment vertical="center"/>
      <protection hidden="1"/>
    </xf>
    <xf numFmtId="0" fontId="14" fillId="6" borderId="106" xfId="0" applyFont="1" applyFill="1" applyBorder="1" applyAlignment="1" applyProtection="1">
      <alignment horizontal="center" vertical="center"/>
      <protection hidden="1"/>
    </xf>
    <xf numFmtId="0" fontId="14" fillId="6" borderId="57" xfId="0" applyFont="1" applyFill="1" applyBorder="1" applyAlignment="1" applyProtection="1">
      <alignment horizontal="center" vertical="center"/>
      <protection hidden="1"/>
    </xf>
    <xf numFmtId="0" fontId="14" fillId="6" borderId="109" xfId="0" applyFont="1" applyFill="1" applyBorder="1" applyAlignment="1" applyProtection="1">
      <alignment horizontal="center" vertical="center"/>
      <protection hidden="1"/>
    </xf>
    <xf numFmtId="0" fontId="14" fillId="0" borderId="81" xfId="0" applyFont="1" applyBorder="1" applyAlignment="1" applyProtection="1">
      <alignment horizontal="center" vertical="center"/>
      <protection hidden="1"/>
    </xf>
    <xf numFmtId="0" fontId="14" fillId="0" borderId="82" xfId="0" applyFont="1" applyBorder="1" applyAlignment="1" applyProtection="1">
      <alignment horizontal="center" vertical="center"/>
      <protection hidden="1"/>
    </xf>
    <xf numFmtId="0" fontId="14" fillId="0" borderId="44" xfId="0" applyFont="1" applyBorder="1" applyAlignment="1" applyProtection="1">
      <alignment horizontal="center" vertical="center"/>
      <protection hidden="1"/>
    </xf>
    <xf numFmtId="0" fontId="14" fillId="0" borderId="84" xfId="0" applyFont="1" applyBorder="1" applyAlignment="1" applyProtection="1">
      <alignment horizontal="center" vertical="center"/>
      <protection hidden="1"/>
    </xf>
    <xf numFmtId="0" fontId="14" fillId="0" borderId="3" xfId="0" applyFont="1" applyBorder="1" applyAlignment="1" applyProtection="1">
      <alignment horizontal="center" vertical="center"/>
      <protection hidden="1"/>
    </xf>
    <xf numFmtId="0" fontId="14" fillId="0" borderId="4" xfId="0" applyFont="1" applyBorder="1" applyAlignment="1" applyProtection="1">
      <alignment horizontal="center" vertical="center"/>
      <protection hidden="1"/>
    </xf>
    <xf numFmtId="0" fontId="14" fillId="0" borderId="65" xfId="0" applyFont="1" applyBorder="1" applyAlignment="1" applyProtection="1">
      <alignment horizontal="center" vertical="center"/>
      <protection hidden="1"/>
    </xf>
    <xf numFmtId="0" fontId="14" fillId="0" borderId="5" xfId="0" applyFont="1" applyBorder="1" applyAlignment="1" applyProtection="1">
      <alignment horizontal="center" vertical="center"/>
      <protection hidden="1"/>
    </xf>
    <xf numFmtId="0" fontId="14" fillId="0" borderId="6" xfId="0" applyFont="1" applyBorder="1" applyAlignment="1" applyProtection="1">
      <alignment horizontal="center" vertical="center"/>
      <protection hidden="1"/>
    </xf>
    <xf numFmtId="0" fontId="14" fillId="0" borderId="79" xfId="0" applyFont="1" applyBorder="1" applyAlignment="1" applyProtection="1">
      <alignment horizontal="center" vertical="center"/>
      <protection hidden="1"/>
    </xf>
    <xf numFmtId="0" fontId="14" fillId="0" borderId="19" xfId="0" applyFont="1" applyBorder="1" applyAlignment="1" applyProtection="1">
      <alignment horizontal="center" vertical="center"/>
      <protection hidden="1"/>
    </xf>
    <xf numFmtId="0" fontId="14" fillId="0" borderId="80" xfId="0" applyFont="1" applyBorder="1" applyAlignment="1" applyProtection="1">
      <alignment horizontal="center" vertical="center"/>
      <protection hidden="1"/>
    </xf>
    <xf numFmtId="38" fontId="15" fillId="0" borderId="133" xfId="0" applyNumberFormat="1" applyFont="1" applyBorder="1" applyAlignment="1" applyProtection="1">
      <alignment horizontal="center" vertical="center"/>
      <protection hidden="1"/>
    </xf>
    <xf numFmtId="38" fontId="15" fillId="0" borderId="110" xfId="0" applyNumberFormat="1" applyFont="1" applyBorder="1" applyAlignment="1" applyProtection="1">
      <alignment horizontal="center" vertical="center"/>
      <protection hidden="1"/>
    </xf>
    <xf numFmtId="38" fontId="15" fillId="0" borderId="85" xfId="0" applyNumberFormat="1" applyFont="1" applyBorder="1" applyAlignment="1" applyProtection="1">
      <alignment horizontal="center" vertical="center"/>
      <protection hidden="1"/>
    </xf>
    <xf numFmtId="38" fontId="15" fillId="0" borderId="15" xfId="0" applyNumberFormat="1" applyFont="1" applyBorder="1" applyAlignment="1" applyProtection="1">
      <alignment horizontal="center" vertical="center"/>
      <protection hidden="1"/>
    </xf>
    <xf numFmtId="181" fontId="53" fillId="0" borderId="107" xfId="0" applyNumberFormat="1" applyFont="1" applyBorder="1" applyAlignment="1" applyProtection="1">
      <alignment horizontal="center" vertical="center"/>
      <protection hidden="1"/>
    </xf>
    <xf numFmtId="181" fontId="53" fillId="0" borderId="92" xfId="0" applyNumberFormat="1" applyFont="1" applyBorder="1" applyAlignment="1" applyProtection="1">
      <alignment horizontal="center" vertical="center"/>
      <protection hidden="1"/>
    </xf>
    <xf numFmtId="181" fontId="53" fillId="0" borderId="90" xfId="0" applyNumberFormat="1" applyFont="1" applyBorder="1" applyAlignment="1" applyProtection="1">
      <alignment horizontal="center" vertical="center"/>
      <protection hidden="1"/>
    </xf>
    <xf numFmtId="181" fontId="53" fillId="0" borderId="132" xfId="0" applyNumberFormat="1" applyFont="1" applyBorder="1" applyAlignment="1" applyProtection="1">
      <alignment horizontal="center" vertical="center"/>
      <protection hidden="1"/>
    </xf>
    <xf numFmtId="181" fontId="53" fillId="0" borderId="115" xfId="0" applyNumberFormat="1" applyFont="1" applyBorder="1" applyAlignment="1" applyProtection="1">
      <alignment horizontal="center" vertical="center"/>
      <protection hidden="1"/>
    </xf>
    <xf numFmtId="181" fontId="53" fillId="0" borderId="118" xfId="0" applyNumberFormat="1" applyFont="1" applyBorder="1" applyAlignment="1" applyProtection="1">
      <alignment horizontal="center" vertical="center"/>
      <protection hidden="1"/>
    </xf>
    <xf numFmtId="0" fontId="14" fillId="0" borderId="113" xfId="0" applyFont="1" applyBorder="1" applyAlignment="1" applyProtection="1">
      <alignment horizontal="center" vertical="center" wrapText="1" shrinkToFit="1"/>
      <protection hidden="1"/>
    </xf>
    <xf numFmtId="0" fontId="14" fillId="0" borderId="6" xfId="0" applyFont="1" applyBorder="1" applyAlignment="1" applyProtection="1">
      <alignment horizontal="center" vertical="center" wrapText="1" shrinkToFit="1"/>
      <protection hidden="1"/>
    </xf>
    <xf numFmtId="0" fontId="14" fillId="0" borderId="114" xfId="0" applyFont="1" applyBorder="1" applyAlignment="1" applyProtection="1">
      <alignment horizontal="center" vertical="center" wrapText="1" shrinkToFit="1"/>
      <protection hidden="1"/>
    </xf>
    <xf numFmtId="0" fontId="14" fillId="0" borderId="61" xfId="0" applyFont="1" applyBorder="1" applyAlignment="1" applyProtection="1">
      <alignment horizontal="center" vertical="center" wrapText="1" shrinkToFit="1"/>
      <protection hidden="1"/>
    </xf>
    <xf numFmtId="0" fontId="14" fillId="0" borderId="10" xfId="0" applyFont="1" applyBorder="1" applyAlignment="1" applyProtection="1">
      <alignment horizontal="center" vertical="center" wrapText="1" shrinkToFit="1"/>
      <protection hidden="1"/>
    </xf>
    <xf numFmtId="0" fontId="14" fillId="0" borderId="62" xfId="0" applyFont="1" applyBorder="1" applyAlignment="1" applyProtection="1">
      <alignment horizontal="center" vertical="center" wrapText="1" shrinkToFit="1"/>
      <protection hidden="1"/>
    </xf>
    <xf numFmtId="0" fontId="14" fillId="0" borderId="120" xfId="0" applyFont="1" applyBorder="1" applyAlignment="1" applyProtection="1">
      <alignment horizontal="center" vertical="center" wrapText="1" shrinkToFit="1"/>
      <protection hidden="1"/>
    </xf>
    <xf numFmtId="0" fontId="14" fillId="0" borderId="4" xfId="0" applyFont="1" applyBorder="1" applyAlignment="1" applyProtection="1">
      <alignment horizontal="center" vertical="center" wrapText="1" shrinkToFit="1"/>
      <protection hidden="1"/>
    </xf>
    <xf numFmtId="0" fontId="14" fillId="0" borderId="63" xfId="0" applyFont="1" applyBorder="1" applyAlignment="1" applyProtection="1">
      <alignment horizontal="center" vertical="center" wrapText="1" shrinkToFit="1"/>
      <protection hidden="1"/>
    </xf>
    <xf numFmtId="49" fontId="21" fillId="0" borderId="116" xfId="0" applyNumberFormat="1" applyFont="1" applyBorder="1" applyAlignment="1" applyProtection="1">
      <alignment horizontal="center" vertical="center" shrinkToFit="1"/>
      <protection locked="0"/>
    </xf>
    <xf numFmtId="178" fontId="27" fillId="0" borderId="117" xfId="11" applyNumberFormat="1" applyFont="1" applyFill="1" applyBorder="1" applyAlignment="1" applyProtection="1">
      <alignment horizontal="right" vertical="center" shrinkToFit="1"/>
      <protection locked="0"/>
    </xf>
    <xf numFmtId="178" fontId="27" fillId="0" borderId="115" xfId="11" applyNumberFormat="1" applyFont="1" applyFill="1" applyBorder="1" applyAlignment="1" applyProtection="1">
      <alignment horizontal="right" vertical="center" shrinkToFit="1"/>
      <protection locked="0"/>
    </xf>
    <xf numFmtId="0" fontId="21" fillId="0" borderId="116" xfId="0" applyFont="1" applyBorder="1" applyAlignment="1" applyProtection="1">
      <alignment horizontal="left" vertical="center" shrinkToFit="1"/>
      <protection hidden="1"/>
    </xf>
    <xf numFmtId="0" fontId="21" fillId="0" borderId="51" xfId="0" applyFont="1" applyBorder="1" applyAlignment="1" applyProtection="1">
      <alignment horizontal="center" vertical="center" shrinkToFit="1"/>
      <protection hidden="1"/>
    </xf>
    <xf numFmtId="0" fontId="21" fillId="0" borderId="13" xfId="0" applyFont="1" applyBorder="1" applyAlignment="1" applyProtection="1">
      <alignment horizontal="center" vertical="center" shrinkToFit="1"/>
      <protection hidden="1"/>
    </xf>
    <xf numFmtId="0" fontId="21" fillId="0" borderId="16" xfId="0" applyFont="1" applyBorder="1" applyAlignment="1" applyProtection="1">
      <alignment horizontal="center" vertical="center" shrinkToFit="1"/>
      <protection hidden="1"/>
    </xf>
    <xf numFmtId="49" fontId="21" fillId="0" borderId="50" xfId="0" applyNumberFormat="1" applyFont="1" applyBorder="1" applyAlignment="1" applyProtection="1">
      <alignment horizontal="center" vertical="center" shrinkToFit="1"/>
      <protection locked="0"/>
    </xf>
    <xf numFmtId="178" fontId="27" fillId="0" borderId="51" xfId="11" applyNumberFormat="1" applyFont="1" applyFill="1" applyBorder="1" applyAlignment="1" applyProtection="1">
      <alignment horizontal="right" vertical="center" shrinkToFit="1"/>
      <protection locked="0"/>
    </xf>
    <xf numFmtId="178" fontId="27" fillId="0" borderId="13" xfId="11" applyNumberFormat="1" applyFont="1" applyFill="1" applyBorder="1" applyAlignment="1" applyProtection="1">
      <alignment horizontal="right" vertical="center" shrinkToFit="1"/>
      <protection locked="0"/>
    </xf>
    <xf numFmtId="178" fontId="27" fillId="0" borderId="69" xfId="11" applyNumberFormat="1" applyFont="1" applyFill="1" applyBorder="1" applyAlignment="1" applyProtection="1">
      <alignment horizontal="right" vertical="center" shrinkToFit="1"/>
      <protection locked="0"/>
    </xf>
    <xf numFmtId="178" fontId="27" fillId="0" borderId="14" xfId="11" applyNumberFormat="1" applyFont="1" applyFill="1" applyBorder="1" applyAlignment="1" applyProtection="1">
      <alignment horizontal="right" vertical="center" shrinkToFit="1"/>
      <protection locked="0"/>
    </xf>
    <xf numFmtId="0" fontId="14" fillId="0" borderId="123" xfId="0" applyFont="1" applyBorder="1" applyAlignment="1" applyProtection="1">
      <alignment horizontal="center" vertical="center" wrapText="1" shrinkToFit="1"/>
      <protection hidden="1"/>
    </xf>
    <xf numFmtId="0" fontId="14" fillId="0" borderId="130" xfId="0" applyFont="1" applyBorder="1" applyAlignment="1" applyProtection="1">
      <alignment horizontal="center" vertical="center" wrapText="1" shrinkToFit="1"/>
      <protection hidden="1"/>
    </xf>
    <xf numFmtId="0" fontId="14" fillId="0" borderId="124" xfId="0" applyFont="1" applyBorder="1" applyAlignment="1" applyProtection="1">
      <alignment horizontal="center" vertical="center" wrapText="1" shrinkToFit="1"/>
      <protection hidden="1"/>
    </xf>
    <xf numFmtId="49" fontId="21" fillId="0" borderId="126" xfId="0" applyNumberFormat="1" applyFont="1" applyBorder="1" applyAlignment="1" applyProtection="1">
      <alignment horizontal="center" vertical="center" shrinkToFit="1"/>
      <protection locked="0"/>
    </xf>
    <xf numFmtId="0" fontId="21" fillId="0" borderId="126" xfId="0" applyFont="1" applyBorder="1" applyAlignment="1" applyProtection="1">
      <alignment horizontal="left" vertical="center" shrinkToFit="1"/>
      <protection hidden="1"/>
    </xf>
    <xf numFmtId="0" fontId="102" fillId="0" borderId="1" xfId="0" applyFont="1" applyBorder="1" applyAlignment="1" applyProtection="1">
      <alignment horizontal="center" vertical="center" wrapText="1"/>
      <protection hidden="1"/>
    </xf>
    <xf numFmtId="0" fontId="102" fillId="0" borderId="7" xfId="0" applyFont="1" applyBorder="1" applyAlignment="1" applyProtection="1">
      <alignment horizontal="center" vertical="center" wrapText="1"/>
      <protection hidden="1"/>
    </xf>
    <xf numFmtId="0" fontId="102" fillId="0" borderId="2" xfId="0" applyFont="1" applyBorder="1" applyAlignment="1" applyProtection="1">
      <alignment horizontal="center" vertical="center" wrapText="1"/>
      <protection hidden="1"/>
    </xf>
    <xf numFmtId="0" fontId="14" fillId="4" borderId="94" xfId="0" applyFont="1" applyFill="1" applyBorder="1" applyAlignment="1" applyProtection="1">
      <alignment horizontal="center" vertical="center"/>
      <protection hidden="1"/>
    </xf>
    <xf numFmtId="178" fontId="27" fillId="0" borderId="54" xfId="11" applyNumberFormat="1" applyFont="1" applyFill="1" applyBorder="1" applyAlignment="1" applyProtection="1">
      <alignment horizontal="right" vertical="center" shrinkToFit="1"/>
      <protection locked="0"/>
    </xf>
    <xf numFmtId="178" fontId="27" fillId="0" borderId="12" xfId="11" applyNumberFormat="1" applyFont="1" applyFill="1" applyBorder="1" applyAlignment="1" applyProtection="1">
      <alignment horizontal="right" vertical="center" shrinkToFit="1"/>
      <protection locked="0"/>
    </xf>
    <xf numFmtId="49" fontId="21" fillId="0" borderId="111" xfId="0" applyNumberFormat="1" applyFont="1" applyBorder="1" applyAlignment="1" applyProtection="1">
      <alignment horizontal="center" vertical="center" shrinkToFit="1"/>
      <protection locked="0"/>
    </xf>
    <xf numFmtId="0" fontId="14" fillId="6" borderId="149" xfId="0" applyFont="1" applyFill="1" applyBorder="1" applyAlignment="1" applyProtection="1">
      <alignment horizontal="center" vertical="center"/>
      <protection hidden="1"/>
    </xf>
    <xf numFmtId="0" fontId="14" fillId="6" borderId="150" xfId="0" applyFont="1" applyFill="1" applyBorder="1" applyAlignment="1" applyProtection="1">
      <alignment horizontal="center" vertical="center"/>
      <protection hidden="1"/>
    </xf>
    <xf numFmtId="0" fontId="14" fillId="6" borderId="151" xfId="0" applyFont="1" applyFill="1" applyBorder="1" applyAlignment="1" applyProtection="1">
      <alignment horizontal="center" vertical="center"/>
      <protection hidden="1"/>
    </xf>
    <xf numFmtId="38" fontId="10" fillId="0" borderId="0" xfId="14" applyFont="1" applyFill="1" applyBorder="1" applyAlignment="1" applyProtection="1">
      <alignment horizontal="left" wrapText="1"/>
      <protection hidden="1"/>
    </xf>
    <xf numFmtId="38" fontId="10" fillId="0" borderId="0" xfId="14" applyFont="1" applyFill="1" applyBorder="1" applyAlignment="1" applyProtection="1">
      <alignment horizontal="left"/>
      <protection hidden="1"/>
    </xf>
    <xf numFmtId="38" fontId="10" fillId="0" borderId="22" xfId="14" applyFont="1" applyFill="1" applyBorder="1" applyAlignment="1" applyProtection="1">
      <alignment horizontal="left"/>
      <protection hidden="1"/>
    </xf>
    <xf numFmtId="0" fontId="10" fillId="0" borderId="0" xfId="0" applyFont="1" applyAlignment="1" applyProtection="1">
      <alignment horizontal="center" vertical="center" shrinkToFit="1"/>
      <protection hidden="1"/>
    </xf>
    <xf numFmtId="0" fontId="21" fillId="0" borderId="54" xfId="0" applyFont="1" applyBorder="1" applyAlignment="1" applyProtection="1">
      <alignment horizontal="center" vertical="center" shrinkToFit="1"/>
      <protection hidden="1"/>
    </xf>
    <xf numFmtId="0" fontId="21" fillId="0" borderId="12" xfId="0" applyFont="1" applyBorder="1" applyAlignment="1" applyProtection="1">
      <alignment horizontal="center" vertical="center" shrinkToFit="1"/>
      <protection hidden="1"/>
    </xf>
    <xf numFmtId="0" fontId="21" fillId="0" borderId="112" xfId="0" applyFont="1" applyBorder="1" applyAlignment="1" applyProtection="1">
      <alignment horizontal="center" vertical="center" shrinkToFit="1"/>
      <protection hidden="1"/>
    </xf>
    <xf numFmtId="0" fontId="21" fillId="0" borderId="69" xfId="0" applyFont="1" applyBorder="1" applyAlignment="1" applyProtection="1">
      <alignment horizontal="center" vertical="center" shrinkToFit="1"/>
      <protection hidden="1"/>
    </xf>
    <xf numFmtId="0" fontId="21" fillId="0" borderId="14" xfId="0" applyFont="1" applyBorder="1" applyAlignment="1" applyProtection="1">
      <alignment horizontal="center" vertical="center" shrinkToFit="1"/>
      <protection hidden="1"/>
    </xf>
    <xf numFmtId="0" fontId="21" fillId="0" borderId="17" xfId="0" applyFont="1" applyBorder="1" applyAlignment="1" applyProtection="1">
      <alignment horizontal="center" vertical="center" shrinkToFit="1"/>
      <protection hidden="1"/>
    </xf>
    <xf numFmtId="49" fontId="21" fillId="0" borderId="105" xfId="0" applyNumberFormat="1" applyFont="1" applyBorder="1" applyAlignment="1" applyProtection="1">
      <alignment horizontal="center" vertical="center" shrinkToFit="1"/>
      <protection locked="0"/>
    </xf>
    <xf numFmtId="0" fontId="21" fillId="0" borderId="117" xfId="0" applyFont="1" applyBorder="1" applyAlignment="1" applyProtection="1">
      <alignment horizontal="center" vertical="center" shrinkToFit="1"/>
      <protection hidden="1"/>
    </xf>
    <xf numFmtId="0" fontId="21" fillId="0" borderId="115" xfId="0" applyFont="1" applyBorder="1" applyAlignment="1" applyProtection="1">
      <alignment horizontal="center" vertical="center" shrinkToFit="1"/>
      <protection hidden="1"/>
    </xf>
    <xf numFmtId="0" fontId="21" fillId="0" borderId="118" xfId="0" applyFont="1" applyBorder="1" applyAlignment="1" applyProtection="1">
      <alignment horizontal="center" vertical="center" shrinkToFit="1"/>
      <protection hidden="1"/>
    </xf>
    <xf numFmtId="0" fontId="20" fillId="3" borderId="58" xfId="0" applyFont="1" applyFill="1" applyBorder="1" applyAlignment="1" applyProtection="1">
      <alignment horizontal="center" vertical="center" wrapText="1"/>
      <protection hidden="1"/>
    </xf>
    <xf numFmtId="181" fontId="53" fillId="0" borderId="135" xfId="0" applyNumberFormat="1" applyFont="1" applyBorder="1" applyAlignment="1" applyProtection="1">
      <alignment horizontal="center" vertical="center"/>
      <protection hidden="1"/>
    </xf>
    <xf numFmtId="181" fontId="53" fillId="0" borderId="99" xfId="0" applyNumberFormat="1" applyFont="1" applyBorder="1" applyAlignment="1" applyProtection="1">
      <alignment horizontal="center" vertical="center"/>
      <protection hidden="1"/>
    </xf>
    <xf numFmtId="181" fontId="53" fillId="0" borderId="100" xfId="0" applyNumberFormat="1" applyFont="1" applyBorder="1" applyAlignment="1" applyProtection="1">
      <alignment horizontal="center" vertical="center"/>
      <protection hidden="1"/>
    </xf>
    <xf numFmtId="38" fontId="15" fillId="0" borderId="98" xfId="0" applyNumberFormat="1" applyFont="1" applyBorder="1" applyAlignment="1" applyProtection="1">
      <alignment horizontal="center" vertical="center"/>
      <protection hidden="1"/>
    </xf>
    <xf numFmtId="38" fontId="15" fillId="0" borderId="100" xfId="0" applyNumberFormat="1" applyFont="1" applyBorder="1" applyAlignment="1" applyProtection="1">
      <alignment horizontal="center" vertical="center"/>
      <protection hidden="1"/>
    </xf>
    <xf numFmtId="38" fontId="27" fillId="0" borderId="85" xfId="0" applyNumberFormat="1" applyFont="1" applyBorder="1" applyAlignment="1" applyProtection="1">
      <alignment horizontal="right" vertical="center"/>
      <protection hidden="1"/>
    </xf>
    <xf numFmtId="38" fontId="27" fillId="0" borderId="18" xfId="0" applyNumberFormat="1" applyFont="1" applyBorder="1" applyAlignment="1" applyProtection="1">
      <alignment horizontal="right" vertical="center"/>
      <protection hidden="1"/>
    </xf>
    <xf numFmtId="38" fontId="27" fillId="0" borderId="91" xfId="0" applyNumberFormat="1" applyFont="1" applyBorder="1" applyAlignment="1" applyProtection="1">
      <alignment horizontal="right" vertical="center"/>
      <protection hidden="1"/>
    </xf>
    <xf numFmtId="38" fontId="27" fillId="0" borderId="92" xfId="0" applyNumberFormat="1" applyFont="1" applyBorder="1" applyAlignment="1" applyProtection="1">
      <alignment horizontal="right" vertical="center"/>
      <protection hidden="1"/>
    </xf>
    <xf numFmtId="38" fontId="27" fillId="0" borderId="117" xfId="0" applyNumberFormat="1" applyFont="1" applyBorder="1" applyAlignment="1" applyProtection="1">
      <alignment horizontal="right" vertical="center"/>
      <protection hidden="1"/>
    </xf>
    <xf numFmtId="38" fontId="27" fillId="0" borderId="115" xfId="0" applyNumberFormat="1" applyFont="1" applyBorder="1" applyAlignment="1" applyProtection="1">
      <alignment horizontal="right" vertical="center"/>
      <protection hidden="1"/>
    </xf>
    <xf numFmtId="38" fontId="27" fillId="0" borderId="98" xfId="0" applyNumberFormat="1" applyFont="1" applyBorder="1" applyAlignment="1" applyProtection="1">
      <alignment horizontal="right" vertical="center"/>
      <protection hidden="1"/>
    </xf>
    <xf numFmtId="38" fontId="27" fillId="0" borderId="99" xfId="0" applyNumberFormat="1" applyFont="1" applyBorder="1" applyAlignment="1" applyProtection="1">
      <alignment horizontal="right" vertical="center"/>
      <protection hidden="1"/>
    </xf>
    <xf numFmtId="38" fontId="15" fillId="0" borderId="91" xfId="0" applyNumberFormat="1" applyFont="1" applyBorder="1" applyAlignment="1" applyProtection="1">
      <alignment horizontal="center" vertical="center"/>
      <protection hidden="1"/>
    </xf>
    <xf numFmtId="38" fontId="15" fillId="0" borderId="90" xfId="0" applyNumberFormat="1" applyFont="1" applyBorder="1" applyAlignment="1" applyProtection="1">
      <alignment horizontal="center" vertical="center"/>
      <protection hidden="1"/>
    </xf>
    <xf numFmtId="181" fontId="53" fillId="0" borderId="85" xfId="0" applyNumberFormat="1" applyFont="1" applyBorder="1" applyAlignment="1" applyProtection="1">
      <alignment horizontal="right" vertical="center"/>
      <protection hidden="1"/>
    </xf>
    <xf numFmtId="181" fontId="53" fillId="0" borderId="18" xfId="0" applyNumberFormat="1" applyFont="1" applyBorder="1" applyAlignment="1" applyProtection="1">
      <alignment horizontal="right" vertical="center"/>
      <protection hidden="1"/>
    </xf>
    <xf numFmtId="181" fontId="53" fillId="0" borderId="91" xfId="0" applyNumberFormat="1" applyFont="1" applyBorder="1" applyAlignment="1" applyProtection="1">
      <alignment horizontal="right" vertical="center"/>
      <protection hidden="1"/>
    </xf>
    <xf numFmtId="181" fontId="53" fillId="0" borderId="92" xfId="0" applyNumberFormat="1" applyFont="1" applyBorder="1" applyAlignment="1" applyProtection="1">
      <alignment horizontal="right" vertical="center"/>
      <protection hidden="1"/>
    </xf>
    <xf numFmtId="181" fontId="53" fillId="0" borderId="117" xfId="0" applyNumberFormat="1" applyFont="1" applyBorder="1" applyAlignment="1" applyProtection="1">
      <alignment horizontal="right" vertical="center"/>
      <protection hidden="1"/>
    </xf>
    <xf numFmtId="181" fontId="53" fillId="0" borderId="115" xfId="0" applyNumberFormat="1" applyFont="1" applyBorder="1" applyAlignment="1" applyProtection="1">
      <alignment horizontal="right" vertical="center"/>
      <protection hidden="1"/>
    </xf>
    <xf numFmtId="181" fontId="53" fillId="0" borderId="98" xfId="0" applyNumberFormat="1" applyFont="1" applyBorder="1" applyAlignment="1" applyProtection="1">
      <alignment horizontal="right" vertical="center"/>
      <protection hidden="1"/>
    </xf>
    <xf numFmtId="181" fontId="53" fillId="0" borderId="99" xfId="0" applyNumberFormat="1" applyFont="1" applyBorder="1" applyAlignment="1" applyProtection="1">
      <alignment horizontal="right" vertical="center"/>
      <protection hidden="1"/>
    </xf>
    <xf numFmtId="181" fontId="53" fillId="0" borderId="78" xfId="0" applyNumberFormat="1" applyFont="1" applyBorder="1" applyAlignment="1" applyProtection="1">
      <alignment horizontal="center" vertical="center"/>
      <protection hidden="1"/>
    </xf>
    <xf numFmtId="181" fontId="53" fillId="0" borderId="18" xfId="0" applyNumberFormat="1" applyFont="1" applyBorder="1" applyAlignment="1" applyProtection="1">
      <alignment horizontal="center" vertical="center"/>
      <protection hidden="1"/>
    </xf>
    <xf numFmtId="181" fontId="53" fillId="0" borderId="15" xfId="0" applyNumberFormat="1" applyFont="1" applyBorder="1" applyAlignment="1" applyProtection="1">
      <alignment horizontal="center" vertical="center"/>
      <protection hidden="1"/>
    </xf>
    <xf numFmtId="38" fontId="15" fillId="0" borderId="117" xfId="0" applyNumberFormat="1" applyFont="1" applyBorder="1" applyAlignment="1" applyProtection="1">
      <alignment horizontal="center" vertical="center"/>
      <protection hidden="1"/>
    </xf>
    <xf numFmtId="38" fontId="15" fillId="0" borderId="118" xfId="0" applyNumberFormat="1" applyFont="1" applyBorder="1" applyAlignment="1" applyProtection="1">
      <alignment horizontal="center" vertical="center"/>
      <protection hidden="1"/>
    </xf>
    <xf numFmtId="178" fontId="27" fillId="0" borderId="127" xfId="11" applyNumberFormat="1" applyFont="1" applyFill="1" applyBorder="1" applyAlignment="1" applyProtection="1">
      <alignment horizontal="right" vertical="center" shrinkToFit="1"/>
      <protection locked="0"/>
    </xf>
    <xf numFmtId="178" fontId="27" fillId="0" borderId="125" xfId="11" applyNumberFormat="1" applyFont="1" applyFill="1" applyBorder="1" applyAlignment="1" applyProtection="1">
      <alignment horizontal="right" vertical="center" shrinkToFit="1"/>
      <protection locked="0"/>
    </xf>
    <xf numFmtId="0" fontId="21" fillId="0" borderId="127" xfId="0" applyFont="1" applyBorder="1" applyAlignment="1" applyProtection="1">
      <alignment horizontal="center" vertical="center" shrinkToFit="1"/>
      <protection hidden="1"/>
    </xf>
    <xf numFmtId="0" fontId="21" fillId="0" borderId="125" xfId="0" applyFont="1" applyBorder="1" applyAlignment="1" applyProtection="1">
      <alignment horizontal="center" vertical="center" shrinkToFit="1"/>
      <protection hidden="1"/>
    </xf>
    <xf numFmtId="0" fontId="21" fillId="0" borderId="128" xfId="0" applyFont="1" applyBorder="1" applyAlignment="1" applyProtection="1">
      <alignment horizontal="center" vertical="center" shrinkToFit="1"/>
      <protection hidden="1"/>
    </xf>
    <xf numFmtId="0" fontId="21" fillId="0" borderId="105" xfId="0" applyFont="1" applyBorder="1" applyAlignment="1" applyProtection="1">
      <alignment horizontal="left" vertical="center" shrinkToFit="1"/>
      <protection hidden="1"/>
    </xf>
    <xf numFmtId="178" fontId="27" fillId="0" borderId="91" xfId="11" applyNumberFormat="1" applyFont="1" applyFill="1" applyBorder="1" applyAlignment="1" applyProtection="1">
      <alignment horizontal="right" vertical="center" shrinkToFit="1"/>
      <protection locked="0"/>
    </xf>
    <xf numFmtId="178" fontId="27" fillId="0" borderId="92" xfId="11" applyNumberFormat="1" applyFont="1" applyFill="1" applyBorder="1" applyAlignment="1" applyProtection="1">
      <alignment horizontal="right" vertical="center" shrinkToFit="1"/>
      <protection locked="0"/>
    </xf>
    <xf numFmtId="0" fontId="21" fillId="0" borderId="91" xfId="0" applyFont="1" applyBorder="1" applyAlignment="1" applyProtection="1">
      <alignment horizontal="center" vertical="center" shrinkToFit="1"/>
      <protection hidden="1"/>
    </xf>
    <xf numFmtId="0" fontId="21" fillId="0" borderId="92" xfId="0" applyFont="1" applyBorder="1" applyAlignment="1" applyProtection="1">
      <alignment horizontal="center" vertical="center" shrinkToFit="1"/>
      <protection hidden="1"/>
    </xf>
    <xf numFmtId="0" fontId="21" fillId="0" borderId="90" xfId="0" applyFont="1" applyBorder="1" applyAlignment="1" applyProtection="1">
      <alignment horizontal="center" vertical="center" shrinkToFit="1"/>
      <protection hidden="1"/>
    </xf>
    <xf numFmtId="49" fontId="21" fillId="0" borderId="107" xfId="0" applyNumberFormat="1" applyFont="1" applyBorder="1" applyAlignment="1" applyProtection="1">
      <alignment horizontal="center" vertical="center" shrinkToFit="1"/>
      <protection locked="0"/>
    </xf>
    <xf numFmtId="49" fontId="21" fillId="0" borderId="92" xfId="0" applyNumberFormat="1" applyFont="1" applyBorder="1" applyAlignment="1" applyProtection="1">
      <alignment horizontal="center" vertical="center" shrinkToFit="1"/>
      <protection locked="0"/>
    </xf>
    <xf numFmtId="49" fontId="21" fillId="0" borderId="90" xfId="0" applyNumberFormat="1" applyFont="1" applyBorder="1" applyAlignment="1" applyProtection="1">
      <alignment horizontal="center" vertical="center" shrinkToFit="1"/>
      <protection locked="0"/>
    </xf>
    <xf numFmtId="0" fontId="21" fillId="0" borderId="91" xfId="0" applyFont="1" applyBorder="1" applyAlignment="1" applyProtection="1">
      <alignment horizontal="left" vertical="center" shrinkToFit="1"/>
      <protection hidden="1"/>
    </xf>
    <xf numFmtId="0" fontId="21" fillId="0" borderId="92" xfId="0" applyFont="1" applyBorder="1" applyAlignment="1" applyProtection="1">
      <alignment horizontal="left" vertical="center" shrinkToFit="1"/>
      <protection hidden="1"/>
    </xf>
    <xf numFmtId="0" fontId="21" fillId="0" borderId="90" xfId="0" applyFont="1" applyBorder="1" applyAlignment="1" applyProtection="1">
      <alignment horizontal="left" vertical="center" shrinkToFit="1"/>
      <protection hidden="1"/>
    </xf>
    <xf numFmtId="0" fontId="13" fillId="0" borderId="23" xfId="0" applyFont="1" applyBorder="1" applyAlignment="1" applyProtection="1">
      <alignment horizontal="center" vertical="center" shrinkToFit="1"/>
      <protection locked="0"/>
    </xf>
    <xf numFmtId="0" fontId="63" fillId="0" borderId="23" xfId="0" applyFont="1" applyBorder="1" applyAlignment="1" applyProtection="1">
      <alignment horizontal="right" vertical="center" shrinkToFit="1"/>
      <protection locked="0"/>
    </xf>
    <xf numFmtId="0" fontId="27" fillId="0" borderId="69" xfId="11" applyNumberFormat="1" applyFont="1" applyFill="1" applyBorder="1" applyAlignment="1" applyProtection="1">
      <alignment horizontal="center" vertical="center" shrinkToFit="1"/>
      <protection locked="0"/>
    </xf>
    <xf numFmtId="0" fontId="27" fillId="0" borderId="14" xfId="11" applyNumberFormat="1" applyFont="1" applyFill="1" applyBorder="1" applyAlignment="1" applyProtection="1">
      <alignment horizontal="center" vertical="center" shrinkToFit="1"/>
      <protection locked="0"/>
    </xf>
    <xf numFmtId="0" fontId="27" fillId="0" borderId="17" xfId="11" applyNumberFormat="1" applyFont="1" applyFill="1" applyBorder="1" applyAlignment="1" applyProtection="1">
      <alignment horizontal="center" vertical="center" shrinkToFit="1"/>
      <protection locked="0"/>
    </xf>
    <xf numFmtId="38" fontId="27" fillId="0" borderId="70" xfId="11" applyFont="1" applyFill="1" applyBorder="1" applyAlignment="1" applyProtection="1">
      <alignment horizontal="right" vertical="center" shrinkToFit="1"/>
      <protection locked="0"/>
    </xf>
    <xf numFmtId="38" fontId="27" fillId="0" borderId="14" xfId="11" applyFont="1" applyFill="1" applyBorder="1" applyAlignment="1" applyProtection="1">
      <alignment horizontal="right" vertical="center" shrinkToFit="1"/>
      <protection locked="0"/>
    </xf>
    <xf numFmtId="38" fontId="27" fillId="0" borderId="71" xfId="11" applyFont="1" applyFill="1" applyBorder="1" applyAlignment="1" applyProtection="1">
      <alignment horizontal="right" vertical="center" shrinkToFit="1"/>
      <protection locked="0"/>
    </xf>
    <xf numFmtId="38" fontId="27" fillId="0" borderId="55" xfId="11" applyFont="1" applyFill="1" applyBorder="1" applyAlignment="1" applyProtection="1">
      <alignment horizontal="right" vertical="center" shrinkToFit="1"/>
      <protection locked="0"/>
    </xf>
    <xf numFmtId="38" fontId="27" fillId="0" borderId="12" xfId="11" applyFont="1" applyFill="1" applyBorder="1" applyAlignment="1" applyProtection="1">
      <alignment horizontal="right" vertical="center" shrinkToFit="1"/>
      <protection locked="0"/>
    </xf>
    <xf numFmtId="38" fontId="27" fillId="0" borderId="56" xfId="11" applyFont="1" applyFill="1" applyBorder="1" applyAlignment="1" applyProtection="1">
      <alignment horizontal="right" vertical="center" shrinkToFit="1"/>
      <protection locked="0"/>
    </xf>
    <xf numFmtId="0" fontId="14" fillId="0" borderId="65" xfId="0" applyFont="1" applyBorder="1" applyAlignment="1" applyProtection="1">
      <alignment horizontal="center" vertical="center" shrinkToFit="1"/>
      <protection hidden="1"/>
    </xf>
    <xf numFmtId="38" fontId="27" fillId="0" borderId="11" xfId="11" applyFont="1" applyFill="1" applyBorder="1" applyAlignment="1" applyProtection="1">
      <alignment horizontal="right" vertical="center" shrinkToFit="1"/>
      <protection locked="0"/>
    </xf>
    <xf numFmtId="38" fontId="27" fillId="0" borderId="0" xfId="11" applyFont="1" applyFill="1" applyBorder="1" applyAlignment="1" applyProtection="1">
      <alignment horizontal="right" vertical="center" shrinkToFit="1"/>
      <protection locked="0"/>
    </xf>
    <xf numFmtId="38" fontId="27" fillId="0" borderId="66" xfId="11" applyFont="1" applyFill="1" applyBorder="1" applyAlignment="1" applyProtection="1">
      <alignment horizontal="right" vertical="center" shrinkToFit="1"/>
      <protection locked="0"/>
    </xf>
    <xf numFmtId="49" fontId="21" fillId="0" borderId="51" xfId="0" applyNumberFormat="1" applyFont="1" applyBorder="1" applyAlignment="1" applyProtection="1">
      <alignment horizontal="left" vertical="center" shrinkToFit="1"/>
      <protection hidden="1"/>
    </xf>
    <xf numFmtId="49" fontId="21" fillId="0" borderId="13" xfId="0" applyNumberFormat="1" applyFont="1" applyBorder="1" applyAlignment="1" applyProtection="1">
      <alignment horizontal="left" vertical="center" shrinkToFit="1"/>
      <protection hidden="1"/>
    </xf>
    <xf numFmtId="49" fontId="21" fillId="0" borderId="16" xfId="0" applyNumberFormat="1" applyFont="1" applyBorder="1" applyAlignment="1" applyProtection="1">
      <alignment horizontal="left" vertical="center" shrinkToFit="1"/>
      <protection hidden="1"/>
    </xf>
    <xf numFmtId="179" fontId="27" fillId="0" borderId="51" xfId="0" applyNumberFormat="1" applyFont="1" applyBorder="1" applyAlignment="1" applyProtection="1">
      <alignment horizontal="center" vertical="center" shrinkToFit="1"/>
      <protection locked="0"/>
    </xf>
    <xf numFmtId="179" fontId="27" fillId="0" borderId="13" xfId="0" applyNumberFormat="1" applyFont="1" applyBorder="1" applyAlignment="1" applyProtection="1">
      <alignment horizontal="center" vertical="center" shrinkToFit="1"/>
      <protection locked="0"/>
    </xf>
    <xf numFmtId="179" fontId="27" fillId="0" borderId="16" xfId="0" applyNumberFormat="1" applyFont="1" applyBorder="1" applyAlignment="1" applyProtection="1">
      <alignment horizontal="center" vertical="center" shrinkToFit="1"/>
      <protection locked="0"/>
    </xf>
    <xf numFmtId="0" fontId="14" fillId="4" borderId="195" xfId="0" applyFont="1" applyFill="1" applyBorder="1" applyAlignment="1" applyProtection="1">
      <alignment horizontal="center" vertical="center" wrapText="1"/>
      <protection hidden="1"/>
    </xf>
    <xf numFmtId="0" fontId="14" fillId="4" borderId="21" xfId="0" applyFont="1" applyFill="1" applyBorder="1" applyAlignment="1" applyProtection="1">
      <alignment horizontal="center" vertical="center" wrapText="1"/>
      <protection hidden="1"/>
    </xf>
    <xf numFmtId="0" fontId="14" fillId="4" borderId="196" xfId="0" applyFont="1" applyFill="1" applyBorder="1" applyAlignment="1" applyProtection="1">
      <alignment horizontal="center" vertical="center" wrapText="1"/>
      <protection hidden="1"/>
    </xf>
    <xf numFmtId="0" fontId="14" fillId="4" borderId="75" xfId="0" applyFont="1" applyFill="1" applyBorder="1" applyAlignment="1" applyProtection="1">
      <alignment horizontal="center" vertical="center"/>
      <protection hidden="1"/>
    </xf>
    <xf numFmtId="0" fontId="14" fillId="4" borderId="54" xfId="0" applyFont="1" applyFill="1" applyBorder="1" applyAlignment="1" applyProtection="1">
      <alignment horizontal="center" vertical="center" wrapText="1"/>
      <protection hidden="1"/>
    </xf>
    <xf numFmtId="0" fontId="14" fillId="4" borderId="12" xfId="0" applyFont="1" applyFill="1" applyBorder="1" applyAlignment="1" applyProtection="1">
      <alignment horizontal="center" vertical="center" wrapText="1"/>
      <protection hidden="1"/>
    </xf>
    <xf numFmtId="0" fontId="14" fillId="4" borderId="112" xfId="0" applyFont="1" applyFill="1" applyBorder="1" applyAlignment="1" applyProtection="1">
      <alignment horizontal="center" vertical="center" wrapText="1"/>
      <protection hidden="1"/>
    </xf>
    <xf numFmtId="0" fontId="14" fillId="4" borderId="95" xfId="0" applyFont="1" applyFill="1" applyBorder="1" applyAlignment="1" applyProtection="1">
      <alignment horizontal="center" vertical="center" wrapText="1"/>
      <protection hidden="1"/>
    </xf>
    <xf numFmtId="0" fontId="14" fillId="4" borderId="96" xfId="0" applyFont="1" applyFill="1" applyBorder="1" applyAlignment="1" applyProtection="1">
      <alignment horizontal="center" vertical="center" wrapText="1"/>
      <protection hidden="1"/>
    </xf>
    <xf numFmtId="0" fontId="21" fillId="0" borderId="13" xfId="0" applyFont="1" applyBorder="1" applyAlignment="1" applyProtection="1">
      <alignment horizontal="center" vertical="center" shrinkToFit="1"/>
      <protection locked="0"/>
    </xf>
    <xf numFmtId="0" fontId="21" fillId="0" borderId="16" xfId="0" applyFont="1" applyBorder="1" applyAlignment="1" applyProtection="1">
      <alignment horizontal="center" vertical="center" shrinkToFit="1"/>
      <protection locked="0"/>
    </xf>
    <xf numFmtId="0" fontId="14" fillId="4" borderId="74" xfId="0" applyFont="1" applyFill="1" applyBorder="1" applyAlignment="1" applyProtection="1">
      <alignment horizontal="center" vertical="center" wrapText="1"/>
      <protection hidden="1"/>
    </xf>
    <xf numFmtId="0" fontId="14" fillId="4" borderId="75" xfId="0" applyFont="1" applyFill="1" applyBorder="1" applyAlignment="1" applyProtection="1">
      <alignment horizontal="center" vertical="center" wrapText="1"/>
      <protection hidden="1"/>
    </xf>
    <xf numFmtId="0" fontId="14" fillId="4" borderId="76" xfId="0" applyFont="1" applyFill="1" applyBorder="1" applyAlignment="1" applyProtection="1">
      <alignment horizontal="center" vertical="center" wrapText="1"/>
      <protection hidden="1"/>
    </xf>
    <xf numFmtId="0" fontId="14" fillId="6" borderId="145" xfId="0" applyFont="1" applyFill="1" applyBorder="1" applyAlignment="1" applyProtection="1">
      <alignment horizontal="center" vertical="center"/>
      <protection hidden="1"/>
    </xf>
    <xf numFmtId="0" fontId="14" fillId="6" borderId="12" xfId="0" applyFont="1" applyFill="1" applyBorder="1" applyAlignment="1" applyProtection="1">
      <alignment horizontal="center" vertical="center"/>
      <protection hidden="1"/>
    </xf>
    <xf numFmtId="0" fontId="14" fillId="6" borderId="134" xfId="0" applyFont="1" applyFill="1" applyBorder="1" applyAlignment="1" applyProtection="1">
      <alignment horizontal="center" vertical="center"/>
      <protection hidden="1"/>
    </xf>
    <xf numFmtId="49" fontId="21" fillId="0" borderId="69" xfId="0" applyNumberFormat="1" applyFont="1" applyBorder="1" applyAlignment="1" applyProtection="1">
      <alignment horizontal="center" vertical="center" shrinkToFit="1"/>
      <protection locked="0"/>
    </xf>
    <xf numFmtId="49" fontId="21" fillId="0" borderId="14" xfId="0" applyNumberFormat="1" applyFont="1" applyBorder="1" applyAlignment="1" applyProtection="1">
      <alignment horizontal="center" vertical="center" shrinkToFit="1"/>
      <protection locked="0"/>
    </xf>
    <xf numFmtId="49" fontId="21" fillId="0" borderId="17" xfId="0" applyNumberFormat="1" applyFont="1" applyBorder="1" applyAlignment="1" applyProtection="1">
      <alignment horizontal="center" vertical="center" shrinkToFit="1"/>
      <protection locked="0"/>
    </xf>
    <xf numFmtId="49" fontId="21" fillId="0" borderId="69" xfId="0" applyNumberFormat="1" applyFont="1" applyBorder="1" applyAlignment="1" applyProtection="1">
      <alignment horizontal="left" vertical="center" shrinkToFit="1"/>
      <protection hidden="1"/>
    </xf>
    <xf numFmtId="49" fontId="21" fillId="0" borderId="14" xfId="0" applyNumberFormat="1" applyFont="1" applyBorder="1" applyAlignment="1" applyProtection="1">
      <alignment horizontal="left" vertical="center" shrinkToFit="1"/>
      <protection hidden="1"/>
    </xf>
    <xf numFmtId="49" fontId="21" fillId="0" borderId="17" xfId="0" applyNumberFormat="1" applyFont="1" applyBorder="1" applyAlignment="1" applyProtection="1">
      <alignment horizontal="left" vertical="center" shrinkToFit="1"/>
      <protection hidden="1"/>
    </xf>
    <xf numFmtId="49" fontId="21" fillId="0" borderId="54" xfId="0" applyNumberFormat="1" applyFont="1" applyBorder="1" applyAlignment="1" applyProtection="1">
      <alignment horizontal="left" vertical="center" shrinkToFit="1"/>
      <protection hidden="1"/>
    </xf>
    <xf numFmtId="49" fontId="21" fillId="0" borderId="12" xfId="0" applyNumberFormat="1" applyFont="1" applyBorder="1" applyAlignment="1" applyProtection="1">
      <alignment horizontal="left" vertical="center" shrinkToFit="1"/>
      <protection hidden="1"/>
    </xf>
    <xf numFmtId="49" fontId="21" fillId="0" borderId="112" xfId="0" applyNumberFormat="1" applyFont="1" applyBorder="1" applyAlignment="1" applyProtection="1">
      <alignment horizontal="left" vertical="center" shrinkToFit="1"/>
      <protection hidden="1"/>
    </xf>
    <xf numFmtId="3" fontId="13" fillId="3" borderId="67" xfId="0" applyNumberFormat="1" applyFont="1" applyFill="1" applyBorder="1" applyAlignment="1" applyProtection="1">
      <alignment horizontal="right" vertical="center" shrinkToFit="1"/>
      <protection hidden="1"/>
    </xf>
    <xf numFmtId="3" fontId="13" fillId="3" borderId="42" xfId="0" applyNumberFormat="1" applyFont="1" applyFill="1" applyBorder="1" applyAlignment="1" applyProtection="1">
      <alignment horizontal="right" vertical="center" shrinkToFit="1"/>
      <protection hidden="1"/>
    </xf>
    <xf numFmtId="38" fontId="39" fillId="0" borderId="41" xfId="11" applyFont="1" applyFill="1" applyBorder="1" applyAlignment="1" applyProtection="1">
      <alignment horizontal="right" vertical="center" shrinkToFit="1"/>
      <protection hidden="1"/>
    </xf>
    <xf numFmtId="38" fontId="39" fillId="0" borderId="42" xfId="11" applyFont="1" applyFill="1" applyBorder="1" applyAlignment="1" applyProtection="1">
      <alignment horizontal="right" vertical="center" shrinkToFit="1"/>
      <protection hidden="1"/>
    </xf>
    <xf numFmtId="38" fontId="39" fillId="0" borderId="68" xfId="11" applyFont="1" applyFill="1" applyBorder="1" applyAlignment="1" applyProtection="1">
      <alignment horizontal="right" vertical="center" shrinkToFit="1"/>
      <protection hidden="1"/>
    </xf>
    <xf numFmtId="0" fontId="13" fillId="4" borderId="8" xfId="0" applyFont="1" applyFill="1" applyBorder="1" applyAlignment="1" applyProtection="1">
      <alignment horizontal="right" vertical="center" wrapText="1" shrinkToFit="1"/>
      <protection hidden="1"/>
    </xf>
    <xf numFmtId="0" fontId="13" fillId="4" borderId="5" xfId="0" applyFont="1" applyFill="1" applyBorder="1" applyAlignment="1" applyProtection="1">
      <alignment horizontal="right" vertical="center" wrapText="1" shrinkToFit="1"/>
      <protection hidden="1"/>
    </xf>
    <xf numFmtId="0" fontId="13" fillId="4" borderId="6" xfId="0" applyFont="1" applyFill="1" applyBorder="1" applyAlignment="1" applyProtection="1">
      <alignment horizontal="right" vertical="center" wrapText="1" shrinkToFit="1"/>
      <protection hidden="1"/>
    </xf>
    <xf numFmtId="0" fontId="13" fillId="3" borderId="1" xfId="0" applyFont="1" applyFill="1" applyBorder="1" applyAlignment="1" applyProtection="1">
      <alignment horizontal="right" vertical="center"/>
      <protection hidden="1"/>
    </xf>
    <xf numFmtId="0" fontId="13" fillId="3" borderId="7" xfId="0" applyFont="1" applyFill="1" applyBorder="1" applyAlignment="1" applyProtection="1">
      <alignment horizontal="right" vertical="center"/>
      <protection hidden="1"/>
    </xf>
    <xf numFmtId="179" fontId="27" fillId="0" borderId="72" xfId="10" applyNumberFormat="1" applyFont="1" applyBorder="1" applyAlignment="1" applyProtection="1">
      <alignment horizontal="center" vertical="center" shrinkToFit="1"/>
      <protection hidden="1"/>
    </xf>
    <xf numFmtId="179" fontId="27" fillId="0" borderId="23" xfId="10" applyNumberFormat="1" applyFont="1" applyBorder="1" applyAlignment="1" applyProtection="1">
      <alignment horizontal="center" vertical="center" shrinkToFit="1"/>
      <protection hidden="1"/>
    </xf>
    <xf numFmtId="179" fontId="27" fillId="0" borderId="73" xfId="10" applyNumberFormat="1" applyFont="1" applyBorder="1" applyAlignment="1" applyProtection="1">
      <alignment horizontal="center" vertical="center" shrinkToFit="1"/>
      <protection hidden="1"/>
    </xf>
    <xf numFmtId="178" fontId="13" fillId="3" borderId="2" xfId="10" applyNumberFormat="1" applyFont="1" applyFill="1" applyBorder="1" applyAlignment="1" applyProtection="1">
      <alignment horizontal="right" vertical="center" shrinkToFit="1"/>
      <protection hidden="1"/>
    </xf>
    <xf numFmtId="178" fontId="13" fillId="3" borderId="23" xfId="10" applyNumberFormat="1" applyFont="1" applyFill="1" applyBorder="1" applyAlignment="1" applyProtection="1">
      <alignment horizontal="right" vertical="center" shrinkToFit="1"/>
      <protection hidden="1"/>
    </xf>
    <xf numFmtId="38" fontId="27" fillId="0" borderId="7" xfId="10" applyFont="1" applyFill="1" applyBorder="1" applyAlignment="1" applyProtection="1">
      <alignment horizontal="right" vertical="center" shrinkToFit="1"/>
      <protection hidden="1"/>
    </xf>
    <xf numFmtId="38" fontId="27" fillId="0" borderId="64" xfId="10" applyFont="1" applyFill="1" applyBorder="1" applyAlignment="1" applyProtection="1">
      <alignment horizontal="right" vertical="center" shrinkToFit="1"/>
      <protection hidden="1"/>
    </xf>
    <xf numFmtId="38" fontId="27" fillId="0" borderId="52" xfId="11" applyFont="1" applyFill="1" applyBorder="1" applyAlignment="1" applyProtection="1">
      <alignment horizontal="right" vertical="center" shrinkToFit="1"/>
      <protection locked="0"/>
    </xf>
    <xf numFmtId="38" fontId="27" fillId="0" borderId="13" xfId="11" applyFont="1" applyFill="1" applyBorder="1" applyAlignment="1" applyProtection="1">
      <alignment horizontal="right" vertical="center" shrinkToFit="1"/>
      <protection locked="0"/>
    </xf>
    <xf numFmtId="38" fontId="27" fillId="0" borderId="53" xfId="11" applyFont="1" applyFill="1" applyBorder="1" applyAlignment="1" applyProtection="1">
      <alignment horizontal="right" vertical="center" shrinkToFit="1"/>
      <protection locked="0"/>
    </xf>
    <xf numFmtId="0" fontId="21" fillId="0" borderId="14" xfId="0" applyFont="1" applyBorder="1" applyAlignment="1" applyProtection="1">
      <alignment horizontal="center" vertical="center" shrinkToFit="1"/>
      <protection locked="0"/>
    </xf>
    <xf numFmtId="0" fontId="21" fillId="0" borderId="17" xfId="0" applyFont="1" applyBorder="1" applyAlignment="1" applyProtection="1">
      <alignment horizontal="center" vertical="center" shrinkToFit="1"/>
      <protection locked="0"/>
    </xf>
    <xf numFmtId="0" fontId="21" fillId="0" borderId="69" xfId="0" applyFont="1" applyBorder="1" applyAlignment="1" applyProtection="1">
      <alignment horizontal="center" vertical="center" shrinkToFit="1"/>
      <protection locked="0"/>
    </xf>
    <xf numFmtId="0" fontId="21" fillId="0" borderId="51" xfId="0" applyFont="1" applyBorder="1" applyAlignment="1" applyProtection="1">
      <alignment horizontal="center" vertical="center" shrinkToFit="1"/>
      <protection locked="0"/>
    </xf>
    <xf numFmtId="177" fontId="27" fillId="2" borderId="86" xfId="0" applyNumberFormat="1" applyFont="1" applyFill="1" applyBorder="1" applyAlignment="1" applyProtection="1">
      <alignment horizontal="right" vertical="center" shrinkToFit="1"/>
      <protection locked="0"/>
    </xf>
    <xf numFmtId="177" fontId="27" fillId="2" borderId="75" xfId="0" applyNumberFormat="1" applyFont="1" applyFill="1" applyBorder="1" applyAlignment="1" applyProtection="1">
      <alignment horizontal="right" vertical="center" shrinkToFit="1"/>
      <protection locked="0"/>
    </xf>
    <xf numFmtId="0" fontId="15" fillId="2" borderId="75" xfId="0" applyFont="1" applyFill="1" applyBorder="1" applyAlignment="1" applyProtection="1">
      <alignment horizontal="center" vertical="center"/>
      <protection hidden="1"/>
    </xf>
    <xf numFmtId="0" fontId="15" fillId="2" borderId="87" xfId="0" applyFont="1" applyFill="1" applyBorder="1" applyAlignment="1" applyProtection="1">
      <alignment horizontal="center" vertical="center"/>
      <protection hidden="1"/>
    </xf>
    <xf numFmtId="0" fontId="21" fillId="0" borderId="69" xfId="0" applyFont="1" applyBorder="1" applyAlignment="1" applyProtection="1">
      <alignment horizontal="left" vertical="center" shrinkToFit="1"/>
      <protection hidden="1"/>
    </xf>
    <xf numFmtId="0" fontId="21" fillId="0" borderId="14" xfId="0" applyFont="1" applyBorder="1" applyAlignment="1" applyProtection="1">
      <alignment horizontal="left" vertical="center" shrinkToFit="1"/>
      <protection hidden="1"/>
    </xf>
    <xf numFmtId="0" fontId="21" fillId="0" borderId="17" xfId="0" applyFont="1" applyBorder="1" applyAlignment="1" applyProtection="1">
      <alignment horizontal="left" vertical="center" shrinkToFit="1"/>
      <protection hidden="1"/>
    </xf>
    <xf numFmtId="179" fontId="27" fillId="0" borderId="69" xfId="0" applyNumberFormat="1" applyFont="1" applyBorder="1" applyAlignment="1" applyProtection="1">
      <alignment horizontal="center" vertical="center" shrinkToFit="1"/>
      <protection locked="0"/>
    </xf>
    <xf numFmtId="179" fontId="27" fillId="0" borderId="14" xfId="0" applyNumberFormat="1" applyFont="1" applyBorder="1" applyAlignment="1" applyProtection="1">
      <alignment horizontal="center" vertical="center" shrinkToFit="1"/>
      <protection locked="0"/>
    </xf>
    <xf numFmtId="179" fontId="27" fillId="0" borderId="17" xfId="0" applyNumberFormat="1" applyFont="1" applyBorder="1" applyAlignment="1" applyProtection="1">
      <alignment horizontal="center" vertical="center" shrinkToFit="1"/>
      <protection locked="0"/>
    </xf>
    <xf numFmtId="0" fontId="15" fillId="2" borderId="21" xfId="0" applyFont="1" applyFill="1" applyBorder="1" applyAlignment="1" applyProtection="1">
      <alignment horizontal="center" vertical="center"/>
      <protection hidden="1"/>
    </xf>
    <xf numFmtId="0" fontId="15" fillId="2" borderId="199" xfId="0" applyFont="1" applyFill="1" applyBorder="1" applyAlignment="1" applyProtection="1">
      <alignment horizontal="center" vertical="center"/>
      <protection hidden="1"/>
    </xf>
    <xf numFmtId="0" fontId="14" fillId="3" borderId="54" xfId="0" applyFont="1" applyFill="1" applyBorder="1" applyAlignment="1" applyProtection="1">
      <alignment horizontal="center" vertical="center" wrapText="1"/>
      <protection hidden="1"/>
    </xf>
    <xf numFmtId="0" fontId="14" fillId="3" borderId="12" xfId="0" applyFont="1" applyFill="1" applyBorder="1" applyAlignment="1" applyProtection="1">
      <alignment horizontal="center" vertical="center" wrapText="1"/>
      <protection hidden="1"/>
    </xf>
    <xf numFmtId="0" fontId="14" fillId="3" borderId="112" xfId="0" applyFont="1" applyFill="1" applyBorder="1" applyAlignment="1" applyProtection="1">
      <alignment horizontal="center" vertical="center" wrapText="1"/>
      <protection hidden="1"/>
    </xf>
    <xf numFmtId="0" fontId="21" fillId="0" borderId="75" xfId="0" applyFont="1" applyBorder="1" applyAlignment="1" applyProtection="1">
      <alignment horizontal="center" vertical="center" shrinkToFit="1"/>
      <protection locked="0"/>
    </xf>
    <xf numFmtId="0" fontId="21" fillId="0" borderId="76" xfId="0" applyFont="1" applyBorder="1" applyAlignment="1" applyProtection="1">
      <alignment horizontal="center" vertical="center" shrinkToFit="1"/>
      <protection locked="0"/>
    </xf>
    <xf numFmtId="0" fontId="14" fillId="0" borderId="84" xfId="0" applyFont="1" applyBorder="1" applyAlignment="1" applyProtection="1">
      <alignment horizontal="center" vertical="center" shrinkToFit="1"/>
      <protection hidden="1"/>
    </xf>
    <xf numFmtId="0" fontId="14" fillId="0" borderId="3" xfId="0" applyFont="1" applyBorder="1" applyAlignment="1" applyProtection="1">
      <alignment horizontal="center" vertical="center" shrinkToFit="1"/>
      <protection hidden="1"/>
    </xf>
    <xf numFmtId="0" fontId="14" fillId="0" borderId="4" xfId="0" applyFont="1" applyBorder="1" applyAlignment="1" applyProtection="1">
      <alignment horizontal="center" vertical="center" shrinkToFit="1"/>
      <protection hidden="1"/>
    </xf>
    <xf numFmtId="3" fontId="42" fillId="0" borderId="22" xfId="0" applyNumberFormat="1" applyFont="1" applyBorder="1" applyAlignment="1" applyProtection="1">
      <alignment horizontal="center" vertical="center" shrinkToFit="1"/>
      <protection hidden="1"/>
    </xf>
    <xf numFmtId="0" fontId="14" fillId="4" borderId="21" xfId="0" applyFont="1" applyFill="1" applyBorder="1" applyAlignment="1" applyProtection="1">
      <alignment horizontal="center" vertical="center"/>
      <protection hidden="1"/>
    </xf>
    <xf numFmtId="177" fontId="27" fillId="2" borderId="206" xfId="0" applyNumberFormat="1" applyFont="1" applyFill="1" applyBorder="1" applyAlignment="1" applyProtection="1">
      <alignment horizontal="right" vertical="center" shrinkToFit="1"/>
      <protection locked="0"/>
    </xf>
    <xf numFmtId="177" fontId="27" fillId="2" borderId="21" xfId="0" applyNumberFormat="1" applyFont="1" applyFill="1" applyBorder="1" applyAlignment="1" applyProtection="1">
      <alignment horizontal="right" vertical="center" shrinkToFit="1"/>
      <protection locked="0"/>
    </xf>
    <xf numFmtId="0" fontId="21" fillId="2" borderId="0" xfId="0" applyFont="1" applyFill="1" applyAlignment="1" applyProtection="1">
      <alignment horizontal="left" vertical="center"/>
      <protection hidden="1"/>
    </xf>
    <xf numFmtId="3" fontId="23" fillId="0" borderId="22" xfId="0" applyNumberFormat="1" applyFont="1" applyBorder="1" applyAlignment="1" applyProtection="1">
      <alignment horizontal="center" vertical="center" shrinkToFit="1"/>
      <protection hidden="1"/>
    </xf>
    <xf numFmtId="177" fontId="42" fillId="0" borderId="22" xfId="0" applyNumberFormat="1" applyFont="1" applyBorder="1" applyAlignment="1" applyProtection="1">
      <alignment horizontal="center" vertical="center" shrinkToFit="1"/>
      <protection locked="0"/>
    </xf>
    <xf numFmtId="3" fontId="17" fillId="0" borderId="22" xfId="0" applyNumberFormat="1" applyFont="1" applyBorder="1" applyAlignment="1" applyProtection="1">
      <alignment horizontal="center" vertical="center" shrinkToFit="1"/>
      <protection hidden="1"/>
    </xf>
    <xf numFmtId="0" fontId="21" fillId="0" borderId="21" xfId="0" applyFont="1" applyBorder="1" applyAlignment="1" applyProtection="1">
      <alignment horizontal="center" vertical="center" shrinkToFit="1"/>
      <protection locked="0"/>
    </xf>
    <xf numFmtId="0" fontId="21" fillId="0" borderId="196" xfId="0" applyFont="1" applyBorder="1" applyAlignment="1" applyProtection="1">
      <alignment horizontal="center" vertical="center" shrinkToFit="1"/>
      <protection locked="0"/>
    </xf>
    <xf numFmtId="179" fontId="27" fillId="0" borderId="54" xfId="0" applyNumberFormat="1" applyFont="1" applyBorder="1" applyAlignment="1" applyProtection="1">
      <alignment horizontal="center" vertical="center" shrinkToFit="1"/>
      <protection locked="0"/>
    </xf>
    <xf numFmtId="179" fontId="27" fillId="0" borderId="12" xfId="0" applyNumberFormat="1" applyFont="1" applyBorder="1" applyAlignment="1" applyProtection="1">
      <alignment horizontal="center" vertical="center" shrinkToFit="1"/>
      <protection locked="0"/>
    </xf>
    <xf numFmtId="179" fontId="27" fillId="0" borderId="112" xfId="0" applyNumberFormat="1" applyFont="1" applyBorder="1" applyAlignment="1" applyProtection="1">
      <alignment horizontal="center" vertical="center" shrinkToFit="1"/>
      <protection locked="0"/>
    </xf>
    <xf numFmtId="3" fontId="23" fillId="3" borderId="35" xfId="0" applyNumberFormat="1" applyFont="1" applyFill="1" applyBorder="1" applyAlignment="1" applyProtection="1">
      <alignment horizontal="right" vertical="center" shrinkToFit="1"/>
      <protection hidden="1"/>
    </xf>
    <xf numFmtId="3" fontId="23" fillId="3" borderId="20" xfId="0" applyNumberFormat="1" applyFont="1" applyFill="1" applyBorder="1" applyAlignment="1" applyProtection="1">
      <alignment horizontal="right" vertical="center" shrinkToFit="1"/>
      <protection hidden="1"/>
    </xf>
    <xf numFmtId="3" fontId="23" fillId="3" borderId="36" xfId="0" applyNumberFormat="1" applyFont="1" applyFill="1" applyBorder="1" applyAlignment="1" applyProtection="1">
      <alignment horizontal="right" vertical="center" shrinkToFit="1"/>
      <protection hidden="1"/>
    </xf>
    <xf numFmtId="38" fontId="37" fillId="0" borderId="34" xfId="11" applyFont="1" applyFill="1" applyBorder="1" applyAlignment="1" applyProtection="1">
      <alignment vertical="center" shrinkToFit="1"/>
      <protection hidden="1"/>
    </xf>
    <xf numFmtId="38" fontId="37" fillId="0" borderId="20" xfId="11" applyFont="1" applyFill="1" applyBorder="1" applyAlignment="1" applyProtection="1">
      <alignment vertical="center" shrinkToFit="1"/>
      <protection hidden="1"/>
    </xf>
    <xf numFmtId="38" fontId="37" fillId="0" borderId="33" xfId="11" applyFont="1" applyFill="1" applyBorder="1" applyAlignment="1" applyProtection="1">
      <alignment vertical="center" shrinkToFit="1"/>
      <protection hidden="1"/>
    </xf>
    <xf numFmtId="0" fontId="8" fillId="4" borderId="94" xfId="0" applyFont="1" applyFill="1" applyBorder="1" applyAlignment="1" applyProtection="1">
      <alignment horizontal="center" vertical="center" wrapText="1"/>
      <protection hidden="1"/>
    </xf>
    <xf numFmtId="0" fontId="8" fillId="4" borderId="95" xfId="0" applyFont="1" applyFill="1" applyBorder="1" applyAlignment="1" applyProtection="1">
      <alignment horizontal="center" vertical="center"/>
      <protection hidden="1"/>
    </xf>
    <xf numFmtId="0" fontId="8" fillId="4" borderId="96" xfId="0" applyFont="1" applyFill="1" applyBorder="1" applyAlignment="1" applyProtection="1">
      <alignment horizontal="center" vertical="center"/>
      <protection hidden="1"/>
    </xf>
    <xf numFmtId="0" fontId="15" fillId="3" borderId="94" xfId="0" applyFont="1" applyFill="1" applyBorder="1" applyAlignment="1" applyProtection="1">
      <alignment horizontal="center" vertical="center" wrapText="1"/>
      <protection hidden="1"/>
    </xf>
    <xf numFmtId="0" fontId="15" fillId="3" borderId="95" xfId="0" applyFont="1" applyFill="1" applyBorder="1" applyAlignment="1" applyProtection="1">
      <alignment horizontal="center" vertical="center"/>
      <protection hidden="1"/>
    </xf>
    <xf numFmtId="0" fontId="15" fillId="3" borderId="96" xfId="0" applyFont="1" applyFill="1" applyBorder="1" applyAlignment="1" applyProtection="1">
      <alignment horizontal="center" vertical="center"/>
      <protection hidden="1"/>
    </xf>
    <xf numFmtId="0" fontId="14" fillId="4" borderId="154" xfId="0" applyFont="1" applyFill="1" applyBorder="1" applyAlignment="1" applyProtection="1">
      <alignment horizontal="center" vertical="center" wrapText="1"/>
      <protection hidden="1"/>
    </xf>
    <xf numFmtId="0" fontId="14" fillId="4" borderId="153" xfId="0" applyFont="1" applyFill="1" applyBorder="1" applyAlignment="1" applyProtection="1">
      <alignment horizontal="center" vertical="center" wrapText="1"/>
      <protection hidden="1"/>
    </xf>
    <xf numFmtId="176" fontId="27" fillId="0" borderId="88" xfId="0" applyNumberFormat="1" applyFont="1" applyBorder="1" applyAlignment="1" applyProtection="1">
      <alignment horizontal="center" vertical="center" shrinkToFit="1"/>
      <protection hidden="1"/>
    </xf>
    <xf numFmtId="176" fontId="27" fillId="0" borderId="0" xfId="0" applyNumberFormat="1" applyFont="1" applyAlignment="1" applyProtection="1">
      <alignment horizontal="center" vertical="center" shrinkToFit="1"/>
      <protection hidden="1"/>
    </xf>
    <xf numFmtId="176" fontId="27" fillId="0" borderId="89" xfId="0" applyNumberFormat="1" applyFont="1" applyBorder="1" applyAlignment="1" applyProtection="1">
      <alignment horizontal="center" vertical="center" shrinkToFit="1"/>
      <protection hidden="1"/>
    </xf>
    <xf numFmtId="0" fontId="8" fillId="4" borderId="95" xfId="0" applyFont="1" applyFill="1" applyBorder="1" applyAlignment="1" applyProtection="1">
      <alignment horizontal="center" vertical="center" wrapText="1"/>
      <protection hidden="1"/>
    </xf>
    <xf numFmtId="0" fontId="8" fillId="4" borderId="96" xfId="0" applyFont="1" applyFill="1" applyBorder="1" applyAlignment="1" applyProtection="1">
      <alignment horizontal="center" vertical="center" wrapText="1"/>
      <protection hidden="1"/>
    </xf>
    <xf numFmtId="0" fontId="27" fillId="0" borderId="51" xfId="11" applyNumberFormat="1" applyFont="1" applyFill="1" applyBorder="1" applyAlignment="1" applyProtection="1">
      <alignment horizontal="center" vertical="center" shrinkToFit="1"/>
      <protection locked="0"/>
    </xf>
    <xf numFmtId="0" fontId="27" fillId="0" borderId="13" xfId="11" applyNumberFormat="1" applyFont="1" applyFill="1" applyBorder="1" applyAlignment="1" applyProtection="1">
      <alignment horizontal="center" vertical="center" shrinkToFit="1"/>
      <protection locked="0"/>
    </xf>
    <xf numFmtId="0" fontId="27" fillId="0" borderId="16" xfId="11" applyNumberFormat="1" applyFont="1" applyFill="1" applyBorder="1" applyAlignment="1" applyProtection="1">
      <alignment horizontal="center" vertical="center" shrinkToFit="1"/>
      <protection locked="0"/>
    </xf>
    <xf numFmtId="0" fontId="27" fillId="0" borderId="54" xfId="11" applyNumberFormat="1" applyFont="1" applyFill="1" applyBorder="1" applyAlignment="1" applyProtection="1">
      <alignment horizontal="center" vertical="center" shrinkToFit="1"/>
      <protection locked="0"/>
    </xf>
    <xf numFmtId="0" fontId="27" fillId="0" borderId="12" xfId="11" applyNumberFormat="1" applyFont="1" applyFill="1" applyBorder="1" applyAlignment="1" applyProtection="1">
      <alignment horizontal="center" vertical="center" shrinkToFit="1"/>
      <protection locked="0"/>
    </xf>
    <xf numFmtId="0" fontId="27" fillId="0" borderId="112" xfId="11" applyNumberFormat="1" applyFont="1" applyFill="1" applyBorder="1" applyAlignment="1" applyProtection="1">
      <alignment horizontal="center" vertical="center" shrinkToFit="1"/>
      <protection locked="0"/>
    </xf>
    <xf numFmtId="0" fontId="27" fillId="0" borderId="91" xfId="11" applyNumberFormat="1" applyFont="1" applyFill="1" applyBorder="1" applyAlignment="1" applyProtection="1">
      <alignment horizontal="center" vertical="center" shrinkToFit="1"/>
      <protection locked="0"/>
    </xf>
    <xf numFmtId="0" fontId="27" fillId="0" borderId="92" xfId="11" applyNumberFormat="1" applyFont="1" applyFill="1" applyBorder="1" applyAlignment="1" applyProtection="1">
      <alignment horizontal="center" vertical="center" shrinkToFit="1"/>
      <protection locked="0"/>
    </xf>
    <xf numFmtId="0" fontId="27" fillId="0" borderId="90" xfId="11" applyNumberFormat="1" applyFont="1" applyFill="1" applyBorder="1" applyAlignment="1" applyProtection="1">
      <alignment horizontal="center" vertical="center" shrinkToFit="1"/>
      <protection locked="0"/>
    </xf>
    <xf numFmtId="0" fontId="14" fillId="6" borderId="155" xfId="0" applyFont="1" applyFill="1" applyBorder="1" applyAlignment="1" applyProtection="1">
      <alignment horizontal="center" vertical="center"/>
      <protection hidden="1"/>
    </xf>
    <xf numFmtId="0" fontId="14" fillId="6" borderId="95" xfId="0" applyFont="1" applyFill="1" applyBorder="1" applyAlignment="1" applyProtection="1">
      <alignment horizontal="center" vertical="center"/>
      <protection hidden="1"/>
    </xf>
    <xf numFmtId="0" fontId="13" fillId="0" borderId="114" xfId="0" applyFont="1" applyBorder="1" applyAlignment="1" applyProtection="1">
      <alignment horizontal="center" vertical="center" shrinkToFit="1"/>
      <protection locked="0"/>
    </xf>
    <xf numFmtId="0" fontId="13" fillId="0" borderId="62" xfId="0" applyFont="1" applyBorder="1" applyAlignment="1" applyProtection="1">
      <alignment horizontal="center" vertical="center" shrinkToFit="1"/>
      <protection locked="0"/>
    </xf>
    <xf numFmtId="0" fontId="14" fillId="2" borderId="0" xfId="0" applyFont="1" applyFill="1" applyAlignment="1" applyProtection="1">
      <alignment horizontal="center" vertical="center" shrinkToFit="1"/>
      <protection locked="0"/>
    </xf>
    <xf numFmtId="178" fontId="53" fillId="0" borderId="49" xfId="11" applyNumberFormat="1" applyFont="1" applyFill="1" applyBorder="1" applyAlignment="1" applyProtection="1">
      <alignment horizontal="center" vertical="center" shrinkToFit="1"/>
      <protection locked="0"/>
    </xf>
    <xf numFmtId="178" fontId="53" fillId="0" borderId="5" xfId="11" applyNumberFormat="1" applyFont="1" applyFill="1" applyBorder="1" applyAlignment="1" applyProtection="1">
      <alignment horizontal="center" vertical="center" shrinkToFit="1"/>
      <protection locked="0"/>
    </xf>
    <xf numFmtId="178" fontId="53" fillId="0" borderId="32" xfId="11" applyNumberFormat="1" applyFont="1" applyFill="1" applyBorder="1" applyAlignment="1" applyProtection="1">
      <alignment horizontal="center" vertical="center" shrinkToFit="1"/>
      <protection locked="0"/>
    </xf>
    <xf numFmtId="178" fontId="53" fillId="0" borderId="3" xfId="11" applyNumberFormat="1" applyFont="1" applyFill="1" applyBorder="1" applyAlignment="1" applyProtection="1">
      <alignment horizontal="center" vertical="center" shrinkToFit="1"/>
      <protection locked="0"/>
    </xf>
    <xf numFmtId="0" fontId="57" fillId="0" borderId="110" xfId="0" applyFont="1" applyBorder="1" applyAlignment="1" applyProtection="1">
      <alignment horizontal="center" vertical="center" shrinkToFit="1"/>
      <protection hidden="1"/>
    </xf>
    <xf numFmtId="0" fontId="57" fillId="0" borderId="133" xfId="0" applyFont="1" applyBorder="1" applyAlignment="1" applyProtection="1">
      <alignment horizontal="center" vertical="center" shrinkToFit="1"/>
      <protection hidden="1"/>
    </xf>
    <xf numFmtId="0" fontId="56" fillId="0" borderId="91" xfId="0" applyFont="1" applyBorder="1" applyAlignment="1" applyProtection="1">
      <alignment horizontal="center" vertical="center" shrinkToFit="1"/>
      <protection hidden="1"/>
    </xf>
    <xf numFmtId="0" fontId="56" fillId="0" borderId="92" xfId="0" applyFont="1" applyBorder="1" applyAlignment="1" applyProtection="1">
      <alignment horizontal="center" vertical="center" shrinkToFit="1"/>
      <protection hidden="1"/>
    </xf>
    <xf numFmtId="0" fontId="56" fillId="0" borderId="90" xfId="0" applyFont="1" applyBorder="1" applyAlignment="1" applyProtection="1">
      <alignment horizontal="center" vertical="center" shrinkToFit="1"/>
      <protection hidden="1"/>
    </xf>
    <xf numFmtId="49" fontId="56" fillId="0" borderId="91" xfId="0" applyNumberFormat="1" applyFont="1" applyBorder="1" applyAlignment="1" applyProtection="1">
      <alignment horizontal="center" vertical="center" shrinkToFit="1"/>
      <protection locked="0"/>
    </xf>
    <xf numFmtId="49" fontId="56" fillId="0" borderId="92" xfId="0" applyNumberFormat="1" applyFont="1" applyBorder="1" applyAlignment="1" applyProtection="1">
      <alignment horizontal="center" vertical="center" shrinkToFit="1"/>
      <protection locked="0"/>
    </xf>
    <xf numFmtId="49" fontId="56" fillId="0" borderId="90" xfId="0" applyNumberFormat="1" applyFont="1" applyBorder="1" applyAlignment="1" applyProtection="1">
      <alignment horizontal="center" vertical="center" shrinkToFit="1"/>
      <protection locked="0"/>
    </xf>
    <xf numFmtId="0" fontId="56" fillId="0" borderId="91" xfId="0" applyFont="1" applyBorder="1" applyAlignment="1" applyProtection="1">
      <alignment horizontal="left" vertical="center" shrinkToFit="1"/>
      <protection hidden="1"/>
    </xf>
    <xf numFmtId="0" fontId="56" fillId="0" borderId="92" xfId="0" applyFont="1" applyBorder="1" applyAlignment="1" applyProtection="1">
      <alignment horizontal="left" vertical="center" shrinkToFit="1"/>
      <protection hidden="1"/>
    </xf>
    <xf numFmtId="0" fontId="56" fillId="0" borderId="90" xfId="0" applyFont="1" applyBorder="1" applyAlignment="1" applyProtection="1">
      <alignment horizontal="left" vertical="center" shrinkToFit="1"/>
      <protection hidden="1"/>
    </xf>
    <xf numFmtId="179" fontId="48" fillId="0" borderId="91" xfId="0" applyNumberFormat="1" applyFont="1" applyBorder="1" applyAlignment="1" applyProtection="1">
      <alignment horizontal="right" vertical="center" shrinkToFit="1"/>
      <protection locked="0"/>
    </xf>
    <xf numFmtId="179" fontId="48" fillId="0" borderId="90" xfId="0" applyNumberFormat="1" applyFont="1" applyBorder="1" applyAlignment="1" applyProtection="1">
      <alignment horizontal="right" vertical="center" shrinkToFit="1"/>
      <protection locked="0"/>
    </xf>
    <xf numFmtId="182" fontId="48" fillId="0" borderId="91" xfId="0" applyNumberFormat="1" applyFont="1" applyBorder="1" applyAlignment="1" applyProtection="1">
      <alignment horizontal="right" vertical="center" shrinkToFit="1"/>
      <protection hidden="1"/>
    </xf>
    <xf numFmtId="182" fontId="48" fillId="0" borderId="92" xfId="0" applyNumberFormat="1" applyFont="1" applyBorder="1" applyAlignment="1" applyProtection="1">
      <alignment horizontal="right" vertical="center" shrinkToFit="1"/>
      <protection hidden="1"/>
    </xf>
    <xf numFmtId="182" fontId="48" fillId="0" borderId="90" xfId="0" applyNumberFormat="1" applyFont="1" applyBorder="1" applyAlignment="1" applyProtection="1">
      <alignment horizontal="right" vertical="center" shrinkToFit="1"/>
      <protection hidden="1"/>
    </xf>
    <xf numFmtId="0" fontId="56" fillId="0" borderId="117" xfId="0" applyFont="1" applyBorder="1" applyAlignment="1" applyProtection="1">
      <alignment horizontal="center" vertical="center" shrinkToFit="1"/>
      <protection hidden="1"/>
    </xf>
    <xf numFmtId="0" fontId="56" fillId="0" borderId="115" xfId="0" applyFont="1" applyBorder="1" applyAlignment="1" applyProtection="1">
      <alignment horizontal="center" vertical="center" shrinkToFit="1"/>
      <protection hidden="1"/>
    </xf>
    <xf numFmtId="0" fontId="56" fillId="0" borderId="118" xfId="0" applyFont="1" applyBorder="1" applyAlignment="1" applyProtection="1">
      <alignment horizontal="center" vertical="center" shrinkToFit="1"/>
      <protection hidden="1"/>
    </xf>
    <xf numFmtId="49" fontId="56" fillId="0" borderId="117" xfId="0" applyNumberFormat="1" applyFont="1" applyBorder="1" applyAlignment="1" applyProtection="1">
      <alignment horizontal="center" vertical="center" shrinkToFit="1"/>
      <protection locked="0"/>
    </xf>
    <xf numFmtId="49" fontId="56" fillId="0" borderId="115" xfId="0" applyNumberFormat="1" applyFont="1" applyBorder="1" applyAlignment="1" applyProtection="1">
      <alignment horizontal="center" vertical="center" shrinkToFit="1"/>
      <protection locked="0"/>
    </xf>
    <xf numFmtId="49" fontId="56" fillId="0" borderId="118" xfId="0" applyNumberFormat="1" applyFont="1" applyBorder="1" applyAlignment="1" applyProtection="1">
      <alignment horizontal="center" vertical="center" shrinkToFit="1"/>
      <protection locked="0"/>
    </xf>
    <xf numFmtId="0" fontId="56" fillId="0" borderId="117" xfId="0" applyFont="1" applyBorder="1" applyAlignment="1" applyProtection="1">
      <alignment horizontal="left" vertical="center" shrinkToFit="1"/>
      <protection hidden="1"/>
    </xf>
    <xf numFmtId="0" fontId="56" fillId="0" borderId="115" xfId="0" applyFont="1" applyBorder="1" applyAlignment="1" applyProtection="1">
      <alignment horizontal="left" vertical="center" shrinkToFit="1"/>
      <protection hidden="1"/>
    </xf>
    <xf numFmtId="0" fontId="56" fillId="0" borderId="118" xfId="0" applyFont="1" applyBorder="1" applyAlignment="1" applyProtection="1">
      <alignment horizontal="left" vertical="center" shrinkToFit="1"/>
      <protection hidden="1"/>
    </xf>
    <xf numFmtId="179" fontId="48" fillId="0" borderId="117" xfId="0" applyNumberFormat="1" applyFont="1" applyBorder="1" applyAlignment="1" applyProtection="1">
      <alignment horizontal="right" vertical="center" shrinkToFit="1"/>
      <protection locked="0"/>
    </xf>
    <xf numFmtId="179" fontId="48" fillId="0" borderId="118" xfId="0" applyNumberFormat="1" applyFont="1" applyBorder="1" applyAlignment="1" applyProtection="1">
      <alignment horizontal="right" vertical="center" shrinkToFit="1"/>
      <protection locked="0"/>
    </xf>
    <xf numFmtId="182" fontId="48" fillId="0" borderId="117" xfId="0" applyNumberFormat="1" applyFont="1" applyBorder="1" applyAlignment="1" applyProtection="1">
      <alignment horizontal="right" vertical="center" shrinkToFit="1"/>
      <protection hidden="1"/>
    </xf>
    <xf numFmtId="182" fontId="48" fillId="0" borderId="115" xfId="0" applyNumberFormat="1" applyFont="1" applyBorder="1" applyAlignment="1" applyProtection="1">
      <alignment horizontal="right" vertical="center" shrinkToFit="1"/>
      <protection hidden="1"/>
    </xf>
    <xf numFmtId="182" fontId="48" fillId="0" borderId="118" xfId="0" applyNumberFormat="1" applyFont="1" applyBorder="1" applyAlignment="1" applyProtection="1">
      <alignment horizontal="right" vertical="center" shrinkToFit="1"/>
      <protection hidden="1"/>
    </xf>
    <xf numFmtId="182" fontId="48" fillId="0" borderId="49" xfId="0" applyNumberFormat="1" applyFont="1" applyBorder="1" applyAlignment="1" applyProtection="1">
      <alignment horizontal="center" vertical="center" shrinkToFit="1"/>
      <protection hidden="1"/>
    </xf>
    <xf numFmtId="182" fontId="48" fillId="0" borderId="5" xfId="0" applyNumberFormat="1" applyFont="1" applyBorder="1" applyAlignment="1" applyProtection="1">
      <alignment horizontal="center" vertical="center" shrinkToFit="1"/>
      <protection hidden="1"/>
    </xf>
    <xf numFmtId="182" fontId="48" fillId="0" borderId="47" xfId="0" applyNumberFormat="1" applyFont="1" applyBorder="1" applyAlignment="1" applyProtection="1">
      <alignment horizontal="center" vertical="center" shrinkToFit="1"/>
      <protection hidden="1"/>
    </xf>
    <xf numFmtId="182" fontId="48" fillId="0" borderId="32" xfId="0" applyNumberFormat="1" applyFont="1" applyBorder="1" applyAlignment="1" applyProtection="1">
      <alignment horizontal="center" vertical="center" shrinkToFit="1"/>
      <protection hidden="1"/>
    </xf>
    <xf numFmtId="182" fontId="48" fillId="0" borderId="3" xfId="0" applyNumberFormat="1" applyFont="1" applyBorder="1" applyAlignment="1" applyProtection="1">
      <alignment horizontal="center" vertical="center" shrinkToFit="1"/>
      <protection hidden="1"/>
    </xf>
    <xf numFmtId="182" fontId="48" fillId="0" borderId="38" xfId="0" applyNumberFormat="1" applyFont="1" applyBorder="1" applyAlignment="1" applyProtection="1">
      <alignment horizontal="center" vertical="center" shrinkToFit="1"/>
      <protection hidden="1"/>
    </xf>
    <xf numFmtId="0" fontId="57" fillId="0" borderId="139" xfId="0" applyFont="1" applyBorder="1" applyAlignment="1" applyProtection="1">
      <alignment horizontal="center" vertical="center" shrinkToFit="1"/>
      <protection hidden="1"/>
    </xf>
    <xf numFmtId="0" fontId="56" fillId="0" borderId="127" xfId="0" applyFont="1" applyBorder="1" applyAlignment="1" applyProtection="1">
      <alignment horizontal="center" vertical="center" shrinkToFit="1"/>
      <protection hidden="1"/>
    </xf>
    <xf numFmtId="0" fontId="56" fillId="0" borderId="125" xfId="0" applyFont="1" applyBorder="1" applyAlignment="1" applyProtection="1">
      <alignment horizontal="center" vertical="center" shrinkToFit="1"/>
      <protection hidden="1"/>
    </xf>
    <xf numFmtId="0" fontId="56" fillId="0" borderId="128" xfId="0" applyFont="1" applyBorder="1" applyAlignment="1" applyProtection="1">
      <alignment horizontal="center" vertical="center" shrinkToFit="1"/>
      <protection hidden="1"/>
    </xf>
    <xf numFmtId="179" fontId="48" fillId="0" borderId="54" xfId="0" applyNumberFormat="1" applyFont="1" applyBorder="1" applyAlignment="1" applyProtection="1">
      <alignment horizontal="right" vertical="center" shrinkToFit="1"/>
      <protection locked="0"/>
    </xf>
    <xf numFmtId="179" fontId="48" fillId="0" borderId="112" xfId="0" applyNumberFormat="1" applyFont="1" applyBorder="1" applyAlignment="1" applyProtection="1">
      <alignment horizontal="right" vertical="center" shrinkToFit="1"/>
      <protection locked="0"/>
    </xf>
    <xf numFmtId="182" fontId="48" fillId="0" borderId="54" xfId="0" applyNumberFormat="1" applyFont="1" applyBorder="1" applyAlignment="1" applyProtection="1">
      <alignment horizontal="right" vertical="center" shrinkToFit="1"/>
      <protection hidden="1"/>
    </xf>
    <xf numFmtId="182" fontId="48" fillId="0" borderId="12" xfId="0" applyNumberFormat="1" applyFont="1" applyBorder="1" applyAlignment="1" applyProtection="1">
      <alignment horizontal="right" vertical="center" shrinkToFit="1"/>
      <protection hidden="1"/>
    </xf>
    <xf numFmtId="182" fontId="48" fillId="0" borderId="112" xfId="0" applyNumberFormat="1" applyFont="1" applyBorder="1" applyAlignment="1" applyProtection="1">
      <alignment horizontal="right" vertical="center" shrinkToFit="1"/>
      <protection hidden="1"/>
    </xf>
    <xf numFmtId="0" fontId="56" fillId="0" borderId="127" xfId="0" applyFont="1" applyBorder="1" applyAlignment="1" applyProtection="1">
      <alignment horizontal="left" vertical="center" shrinkToFit="1"/>
      <protection hidden="1"/>
    </xf>
    <xf numFmtId="0" fontId="56" fillId="0" borderId="125" xfId="0" applyFont="1" applyBorder="1" applyAlignment="1" applyProtection="1">
      <alignment horizontal="left" vertical="center" shrinkToFit="1"/>
      <protection hidden="1"/>
    </xf>
    <xf numFmtId="0" fontId="56" fillId="0" borderId="128" xfId="0" applyFont="1" applyBorder="1" applyAlignment="1" applyProtection="1">
      <alignment horizontal="left" vertical="center" shrinkToFit="1"/>
      <protection hidden="1"/>
    </xf>
    <xf numFmtId="182" fontId="48" fillId="0" borderId="127" xfId="0" applyNumberFormat="1" applyFont="1" applyBorder="1" applyAlignment="1" applyProtection="1">
      <alignment horizontal="right" vertical="center" shrinkToFit="1"/>
      <protection hidden="1"/>
    </xf>
    <xf numFmtId="182" fontId="48" fillId="0" borderId="125" xfId="0" applyNumberFormat="1" applyFont="1" applyBorder="1" applyAlignment="1" applyProtection="1">
      <alignment horizontal="right" vertical="center" shrinkToFit="1"/>
      <protection hidden="1"/>
    </xf>
    <xf numFmtId="182" fontId="48" fillId="0" borderId="128" xfId="0" applyNumberFormat="1" applyFont="1" applyBorder="1" applyAlignment="1" applyProtection="1">
      <alignment horizontal="right" vertical="center" shrinkToFit="1"/>
      <protection hidden="1"/>
    </xf>
    <xf numFmtId="179" fontId="48" fillId="0" borderId="127" xfId="0" applyNumberFormat="1" applyFont="1" applyBorder="1" applyAlignment="1" applyProtection="1">
      <alignment horizontal="right" vertical="center" shrinkToFit="1"/>
      <protection locked="0"/>
    </xf>
    <xf numFmtId="179" fontId="48" fillId="0" borderId="128" xfId="0" applyNumberFormat="1" applyFont="1" applyBorder="1" applyAlignment="1" applyProtection="1">
      <alignment horizontal="right" vertical="center" shrinkToFit="1"/>
      <protection locked="0"/>
    </xf>
    <xf numFmtId="0" fontId="56" fillId="0" borderId="54" xfId="0" applyFont="1" applyBorder="1" applyAlignment="1" applyProtection="1">
      <alignment horizontal="left" vertical="center" shrinkToFit="1"/>
      <protection hidden="1"/>
    </xf>
    <xf numFmtId="0" fontId="56" fillId="0" borderId="12" xfId="0" applyFont="1" applyBorder="1" applyAlignment="1" applyProtection="1">
      <alignment horizontal="left" vertical="center" shrinkToFit="1"/>
      <protection hidden="1"/>
    </xf>
    <xf numFmtId="0" fontId="56" fillId="0" borderId="112" xfId="0" applyFont="1" applyBorder="1" applyAlignment="1" applyProtection="1">
      <alignment horizontal="left" vertical="center" shrinkToFit="1"/>
      <protection hidden="1"/>
    </xf>
    <xf numFmtId="49" fontId="56" fillId="0" borderId="127" xfId="0" applyNumberFormat="1" applyFont="1" applyBorder="1" applyAlignment="1" applyProtection="1">
      <alignment horizontal="center" vertical="center" shrinkToFit="1"/>
      <protection locked="0"/>
    </xf>
    <xf numFmtId="49" fontId="56" fillId="0" borderId="125" xfId="0" applyNumberFormat="1" applyFont="1" applyBorder="1" applyAlignment="1" applyProtection="1">
      <alignment horizontal="center" vertical="center" shrinkToFit="1"/>
      <protection locked="0"/>
    </xf>
    <xf numFmtId="49" fontId="56" fillId="0" borderId="128" xfId="0" applyNumberFormat="1" applyFont="1" applyBorder="1" applyAlignment="1" applyProtection="1">
      <alignment horizontal="center" vertical="center" shrinkToFit="1"/>
      <protection locked="0"/>
    </xf>
    <xf numFmtId="0" fontId="57" fillId="0" borderId="66" xfId="0" applyFont="1" applyBorder="1" applyAlignment="1" applyProtection="1">
      <alignment horizontal="center" vertical="center" shrinkToFit="1"/>
      <protection hidden="1"/>
    </xf>
    <xf numFmtId="182" fontId="48" fillId="0" borderId="147" xfId="0" applyNumberFormat="1" applyFont="1" applyBorder="1" applyAlignment="1" applyProtection="1">
      <alignment horizontal="center" vertical="center" shrinkToFit="1"/>
      <protection hidden="1"/>
    </xf>
    <xf numFmtId="182" fontId="48" fillId="0" borderId="22" xfId="0" applyNumberFormat="1" applyFont="1" applyBorder="1" applyAlignment="1" applyProtection="1">
      <alignment horizontal="center" vertical="center" shrinkToFit="1"/>
      <protection hidden="1"/>
    </xf>
    <xf numFmtId="182" fontId="48" fillId="0" borderId="146" xfId="0" applyNumberFormat="1" applyFont="1" applyBorder="1" applyAlignment="1" applyProtection="1">
      <alignment horizontal="center" vertical="center" shrinkToFit="1"/>
      <protection hidden="1"/>
    </xf>
    <xf numFmtId="178" fontId="53" fillId="0" borderId="147" xfId="11" applyNumberFormat="1" applyFont="1" applyFill="1" applyBorder="1" applyAlignment="1" applyProtection="1">
      <alignment horizontal="center" vertical="center" shrinkToFit="1"/>
      <protection locked="0"/>
    </xf>
    <xf numFmtId="178" fontId="53" fillId="0" borderId="22" xfId="11" applyNumberFormat="1" applyFont="1" applyFill="1" applyBorder="1" applyAlignment="1" applyProtection="1">
      <alignment horizontal="center" vertical="center" shrinkToFit="1"/>
      <protection locked="0"/>
    </xf>
    <xf numFmtId="182" fontId="48" fillId="0" borderId="88" xfId="0" applyNumberFormat="1" applyFont="1" applyBorder="1" applyAlignment="1" applyProtection="1">
      <alignment horizontal="center" vertical="center" shrinkToFit="1"/>
      <protection hidden="1"/>
    </xf>
    <xf numFmtId="182" fontId="48" fillId="0" borderId="0" xfId="0" applyNumberFormat="1" applyFont="1" applyAlignment="1" applyProtection="1">
      <alignment horizontal="center" vertical="center" shrinkToFit="1"/>
      <protection hidden="1"/>
    </xf>
    <xf numFmtId="182" fontId="48" fillId="0" borderId="89" xfId="0" applyNumberFormat="1" applyFont="1" applyBorder="1" applyAlignment="1" applyProtection="1">
      <alignment horizontal="center" vertical="center" shrinkToFit="1"/>
      <protection hidden="1"/>
    </xf>
    <xf numFmtId="178" fontId="53" fillId="0" borderId="88" xfId="11" applyNumberFormat="1" applyFont="1" applyFill="1" applyBorder="1" applyAlignment="1" applyProtection="1">
      <alignment horizontal="center" vertical="center" shrinkToFit="1"/>
      <protection locked="0"/>
    </xf>
    <xf numFmtId="178" fontId="53" fillId="0" borderId="0" xfId="11" applyNumberFormat="1" applyFont="1" applyFill="1" applyBorder="1" applyAlignment="1" applyProtection="1">
      <alignment horizontal="center" vertical="center" shrinkToFit="1"/>
      <protection locked="0"/>
    </xf>
    <xf numFmtId="0" fontId="55" fillId="0" borderId="65" xfId="0" applyFont="1" applyBorder="1" applyAlignment="1" applyProtection="1">
      <alignment horizontal="center" vertical="center" wrapText="1" shrinkToFit="1"/>
      <protection hidden="1"/>
    </xf>
    <xf numFmtId="0" fontId="55" fillId="0" borderId="5" xfId="0" applyFont="1" applyBorder="1" applyAlignment="1" applyProtection="1">
      <alignment horizontal="center" vertical="center" wrapText="1" shrinkToFit="1"/>
      <protection hidden="1"/>
    </xf>
    <xf numFmtId="0" fontId="55" fillId="0" borderId="6" xfId="0" applyFont="1" applyBorder="1" applyAlignment="1" applyProtection="1">
      <alignment horizontal="center" vertical="center" wrapText="1" shrinkToFit="1"/>
      <protection hidden="1"/>
    </xf>
    <xf numFmtId="0" fontId="55" fillId="0" borderId="83" xfId="0" applyFont="1" applyBorder="1" applyAlignment="1" applyProtection="1">
      <alignment horizontal="center" vertical="center" wrapText="1" shrinkToFit="1"/>
      <protection hidden="1"/>
    </xf>
    <xf numFmtId="0" fontId="55" fillId="0" borderId="0" xfId="0" applyFont="1" applyAlignment="1" applyProtection="1">
      <alignment horizontal="center" vertical="center" wrapText="1" shrinkToFit="1"/>
      <protection hidden="1"/>
    </xf>
    <xf numFmtId="0" fontId="55" fillId="0" borderId="10" xfId="0" applyFont="1" applyBorder="1" applyAlignment="1" applyProtection="1">
      <alignment horizontal="center" vertical="center" wrapText="1" shrinkToFit="1"/>
      <protection hidden="1"/>
    </xf>
    <xf numFmtId="0" fontId="55" fillId="0" borderId="148" xfId="0" applyFont="1" applyBorder="1" applyAlignment="1" applyProtection="1">
      <alignment horizontal="center" vertical="center" wrapText="1" shrinkToFit="1"/>
      <protection hidden="1"/>
    </xf>
    <xf numFmtId="0" fontId="55" fillId="0" borderId="22" xfId="0" applyFont="1" applyBorder="1" applyAlignment="1" applyProtection="1">
      <alignment horizontal="center" vertical="center" wrapText="1" shrinkToFit="1"/>
      <protection hidden="1"/>
    </xf>
    <xf numFmtId="0" fontId="55" fillId="0" borderId="130" xfId="0" applyFont="1" applyBorder="1" applyAlignment="1" applyProtection="1">
      <alignment horizontal="center" vertical="center" wrapText="1" shrinkToFit="1"/>
      <protection hidden="1"/>
    </xf>
    <xf numFmtId="0" fontId="56" fillId="0" borderId="54" xfId="0" applyFont="1" applyBorder="1" applyAlignment="1" applyProtection="1">
      <alignment horizontal="center" vertical="center" shrinkToFit="1"/>
      <protection hidden="1"/>
    </xf>
    <xf numFmtId="0" fontId="56" fillId="0" borderId="12" xfId="0" applyFont="1" applyBorder="1" applyAlignment="1" applyProtection="1">
      <alignment horizontal="center" vertical="center" shrinkToFit="1"/>
      <protection hidden="1"/>
    </xf>
    <xf numFmtId="0" fontId="56" fillId="0" borderId="112" xfId="0" applyFont="1" applyBorder="1" applyAlignment="1" applyProtection="1">
      <alignment horizontal="center" vertical="center" shrinkToFit="1"/>
      <protection hidden="1"/>
    </xf>
    <xf numFmtId="0" fontId="14" fillId="0" borderId="83" xfId="0" applyFont="1" applyBorder="1" applyAlignment="1" applyProtection="1">
      <alignment horizontal="center" vertical="center"/>
      <protection hidden="1"/>
    </xf>
    <xf numFmtId="0" fontId="14" fillId="0" borderId="0" xfId="0" applyFont="1" applyAlignment="1" applyProtection="1">
      <alignment horizontal="center" vertical="center"/>
      <protection hidden="1"/>
    </xf>
    <xf numFmtId="0" fontId="14" fillId="0" borderId="10" xfId="0" applyFont="1" applyBorder="1" applyAlignment="1" applyProtection="1">
      <alignment horizontal="center" vertical="center"/>
      <protection hidden="1"/>
    </xf>
    <xf numFmtId="38" fontId="15" fillId="0" borderId="31" xfId="0" applyNumberFormat="1" applyFont="1" applyBorder="1" applyAlignment="1" applyProtection="1">
      <alignment horizontal="center" vertical="center"/>
      <protection hidden="1"/>
    </xf>
    <xf numFmtId="38" fontId="15" fillId="0" borderId="29" xfId="0" applyNumberFormat="1" applyFont="1" applyBorder="1" applyAlignment="1" applyProtection="1">
      <alignment horizontal="center" vertical="center"/>
      <protection hidden="1"/>
    </xf>
    <xf numFmtId="38" fontId="15" fillId="0" borderId="115" xfId="0" applyNumberFormat="1" applyFont="1" applyBorder="1" applyAlignment="1" applyProtection="1">
      <alignment horizontal="center" vertical="center"/>
      <protection hidden="1"/>
    </xf>
    <xf numFmtId="38" fontId="15" fillId="0" borderId="99" xfId="0" applyNumberFormat="1" applyFont="1" applyBorder="1" applyAlignment="1" applyProtection="1">
      <alignment horizontal="center" vertical="center"/>
      <protection hidden="1"/>
    </xf>
    <xf numFmtId="0" fontId="14" fillId="6" borderId="195" xfId="0" applyFont="1" applyFill="1" applyBorder="1" applyAlignment="1" applyProtection="1">
      <alignment horizontal="center" vertical="center"/>
      <protection hidden="1"/>
    </xf>
    <xf numFmtId="0" fontId="14" fillId="6" borderId="21" xfId="0" applyFont="1" applyFill="1" applyBorder="1" applyAlignment="1" applyProtection="1">
      <alignment horizontal="center" vertical="center"/>
      <protection hidden="1"/>
    </xf>
    <xf numFmtId="0" fontId="14" fillId="6" borderId="196" xfId="0" applyFont="1" applyFill="1" applyBorder="1" applyAlignment="1" applyProtection="1">
      <alignment horizontal="center" vertical="center"/>
      <protection hidden="1"/>
    </xf>
    <xf numFmtId="0" fontId="10" fillId="3" borderId="197" xfId="0" applyFont="1" applyFill="1" applyBorder="1" applyAlignment="1" applyProtection="1">
      <alignment horizontal="center" vertical="center" wrapText="1"/>
      <protection hidden="1"/>
    </xf>
    <xf numFmtId="0" fontId="10" fillId="3" borderId="21" xfId="0" applyFont="1" applyFill="1" applyBorder="1" applyAlignment="1" applyProtection="1">
      <alignment horizontal="center" vertical="center" wrapText="1"/>
      <protection hidden="1"/>
    </xf>
    <xf numFmtId="0" fontId="10" fillId="3" borderId="198" xfId="0" applyFont="1" applyFill="1" applyBorder="1" applyAlignment="1" applyProtection="1">
      <alignment horizontal="center" vertical="center" wrapText="1"/>
      <protection hidden="1"/>
    </xf>
    <xf numFmtId="0" fontId="14" fillId="6" borderId="197" xfId="0" applyFont="1" applyFill="1" applyBorder="1" applyAlignment="1" applyProtection="1">
      <alignment horizontal="center" vertical="center"/>
      <protection hidden="1"/>
    </xf>
    <xf numFmtId="0" fontId="14" fillId="6" borderId="198" xfId="0" applyFont="1" applyFill="1" applyBorder="1" applyAlignment="1" applyProtection="1">
      <alignment horizontal="center" vertical="center"/>
      <protection hidden="1"/>
    </xf>
    <xf numFmtId="0" fontId="14" fillId="4" borderId="197" xfId="0" applyFont="1" applyFill="1" applyBorder="1" applyAlignment="1" applyProtection="1">
      <alignment horizontal="center" vertical="center" wrapText="1"/>
      <protection hidden="1"/>
    </xf>
    <xf numFmtId="0" fontId="14" fillId="4" borderId="198" xfId="0" applyFont="1" applyFill="1" applyBorder="1" applyAlignment="1" applyProtection="1">
      <alignment horizontal="center" vertical="center" wrapText="1"/>
      <protection hidden="1"/>
    </xf>
    <xf numFmtId="0" fontId="14" fillId="3" borderId="197" xfId="0" applyFont="1" applyFill="1" applyBorder="1" applyAlignment="1" applyProtection="1">
      <alignment horizontal="center" vertical="center" wrapText="1"/>
      <protection hidden="1"/>
    </xf>
    <xf numFmtId="0" fontId="14" fillId="3" borderId="21" xfId="0" applyFont="1" applyFill="1" applyBorder="1" applyAlignment="1" applyProtection="1">
      <alignment horizontal="center" vertical="center" wrapText="1"/>
      <protection hidden="1"/>
    </xf>
    <xf numFmtId="0" fontId="14" fillId="3" borderId="198" xfId="0" applyFont="1" applyFill="1" applyBorder="1" applyAlignment="1" applyProtection="1">
      <alignment horizontal="center" vertical="center" wrapText="1"/>
      <protection hidden="1"/>
    </xf>
    <xf numFmtId="0" fontId="15" fillId="4" borderId="197" xfId="0" applyFont="1" applyFill="1" applyBorder="1" applyAlignment="1" applyProtection="1">
      <alignment horizontal="center" vertical="center" wrapText="1"/>
      <protection hidden="1"/>
    </xf>
    <xf numFmtId="0" fontId="15" fillId="4" borderId="198" xfId="0" applyFont="1" applyFill="1" applyBorder="1" applyAlignment="1" applyProtection="1">
      <alignment horizontal="center" vertical="center" wrapText="1"/>
      <protection hidden="1"/>
    </xf>
    <xf numFmtId="0" fontId="14" fillId="4" borderId="197" xfId="0" applyFont="1" applyFill="1" applyBorder="1" applyAlignment="1" applyProtection="1">
      <alignment horizontal="center" vertical="center"/>
      <protection hidden="1"/>
    </xf>
    <xf numFmtId="0" fontId="14" fillId="4" borderId="199" xfId="0" applyFont="1" applyFill="1" applyBorder="1" applyAlignment="1" applyProtection="1">
      <alignment horizontal="center" vertical="center"/>
      <protection hidden="1"/>
    </xf>
    <xf numFmtId="38" fontId="91" fillId="0" borderId="0" xfId="14" applyFont="1" applyFill="1" applyBorder="1" applyAlignment="1" applyProtection="1">
      <alignment horizontal="left" wrapText="1"/>
      <protection hidden="1"/>
    </xf>
    <xf numFmtId="38" fontId="91" fillId="0" borderId="22" xfId="14" applyFont="1" applyFill="1" applyBorder="1" applyAlignment="1" applyProtection="1">
      <alignment horizontal="left" wrapText="1"/>
      <protection hidden="1"/>
    </xf>
    <xf numFmtId="49" fontId="56" fillId="0" borderId="94" xfId="0" applyNumberFormat="1" applyFont="1" applyBorder="1" applyAlignment="1" applyProtection="1">
      <alignment horizontal="center" vertical="center" shrinkToFit="1"/>
      <protection locked="0"/>
    </xf>
    <xf numFmtId="49" fontId="56" fillId="0" borderId="95" xfId="0" applyNumberFormat="1" applyFont="1" applyBorder="1" applyAlignment="1" applyProtection="1">
      <alignment horizontal="center" vertical="center" shrinkToFit="1"/>
      <protection locked="0"/>
    </xf>
    <xf numFmtId="49" fontId="56" fillId="0" borderId="96" xfId="0" applyNumberFormat="1" applyFont="1" applyBorder="1" applyAlignment="1" applyProtection="1">
      <alignment horizontal="center" vertical="center" shrinkToFit="1"/>
      <protection locked="0"/>
    </xf>
    <xf numFmtId="38" fontId="50" fillId="0" borderId="8" xfId="6" applyFont="1" applyBorder="1" applyAlignment="1" applyProtection="1">
      <alignment horizontal="right" vertical="center"/>
      <protection hidden="1"/>
    </xf>
    <xf numFmtId="38" fontId="50" fillId="0" borderId="5" xfId="6" applyFont="1" applyBorder="1" applyAlignment="1" applyProtection="1">
      <alignment horizontal="right" vertical="center"/>
      <protection hidden="1"/>
    </xf>
    <xf numFmtId="38" fontId="50" fillId="0" borderId="102" xfId="6" applyFont="1" applyBorder="1" applyAlignment="1" applyProtection="1">
      <alignment horizontal="right" vertical="center"/>
      <protection hidden="1"/>
    </xf>
    <xf numFmtId="38" fontId="50" fillId="0" borderId="19" xfId="6" applyFont="1" applyBorder="1" applyAlignment="1" applyProtection="1">
      <alignment horizontal="right" vertical="center"/>
      <protection hidden="1"/>
    </xf>
    <xf numFmtId="38" fontId="47" fillId="0" borderId="41" xfId="6" applyFont="1" applyBorder="1" applyAlignment="1" applyProtection="1">
      <alignment horizontal="right" vertical="center"/>
      <protection hidden="1"/>
    </xf>
    <xf numFmtId="38" fontId="47" fillId="0" borderId="42" xfId="6" applyFont="1" applyBorder="1" applyAlignment="1" applyProtection="1">
      <alignment horizontal="right" vertical="center"/>
      <protection hidden="1"/>
    </xf>
    <xf numFmtId="181" fontId="27" fillId="0" borderId="30" xfId="0" applyNumberFormat="1" applyFont="1" applyBorder="1" applyAlignment="1" applyProtection="1">
      <alignment horizontal="right" vertical="center"/>
      <protection hidden="1"/>
    </xf>
    <xf numFmtId="181" fontId="27" fillId="0" borderId="31" xfId="0" applyNumberFormat="1" applyFont="1" applyBorder="1" applyAlignment="1" applyProtection="1">
      <alignment horizontal="right" vertical="center"/>
      <protection hidden="1"/>
    </xf>
    <xf numFmtId="181" fontId="27" fillId="0" borderId="117" xfId="0" applyNumberFormat="1" applyFont="1" applyBorder="1" applyAlignment="1" applyProtection="1">
      <alignment horizontal="right" vertical="center"/>
      <protection hidden="1"/>
    </xf>
    <xf numFmtId="181" fontId="27" fillId="0" borderId="115" xfId="0" applyNumberFormat="1" applyFont="1" applyBorder="1" applyAlignment="1" applyProtection="1">
      <alignment horizontal="right" vertical="center"/>
      <protection hidden="1"/>
    </xf>
    <xf numFmtId="181" fontId="27" fillId="0" borderId="98" xfId="0" applyNumberFormat="1" applyFont="1" applyBorder="1" applyAlignment="1" applyProtection="1">
      <alignment horizontal="right" vertical="center"/>
      <protection hidden="1"/>
    </xf>
    <xf numFmtId="181" fontId="27" fillId="0" borderId="99" xfId="0" applyNumberFormat="1" applyFont="1" applyBorder="1" applyAlignment="1" applyProtection="1">
      <alignment horizontal="right" vertical="center"/>
      <protection hidden="1"/>
    </xf>
    <xf numFmtId="0" fontId="27" fillId="0" borderId="28" xfId="0" applyFont="1" applyBorder="1" applyAlignment="1" applyProtection="1">
      <alignment horizontal="center" vertical="center"/>
      <protection hidden="1"/>
    </xf>
    <xf numFmtId="0" fontId="27" fillId="0" borderId="31" xfId="0" applyFont="1" applyBorder="1" applyAlignment="1" applyProtection="1">
      <alignment horizontal="center" vertical="center"/>
      <protection hidden="1"/>
    </xf>
    <xf numFmtId="0" fontId="27" fillId="0" borderId="29" xfId="0" applyFont="1" applyBorder="1" applyAlignment="1" applyProtection="1">
      <alignment horizontal="center" vertical="center"/>
      <protection hidden="1"/>
    </xf>
    <xf numFmtId="0" fontId="27" fillId="0" borderId="132" xfId="0" applyFont="1" applyBorder="1" applyAlignment="1" applyProtection="1">
      <alignment horizontal="center" vertical="center"/>
      <protection hidden="1"/>
    </xf>
    <xf numFmtId="0" fontId="27" fillId="0" borderId="115" xfId="0" applyFont="1" applyBorder="1" applyAlignment="1" applyProtection="1">
      <alignment horizontal="center" vertical="center"/>
      <protection hidden="1"/>
    </xf>
    <xf numFmtId="0" fontId="27" fillId="0" borderId="118" xfId="0" applyFont="1" applyBorder="1" applyAlignment="1" applyProtection="1">
      <alignment horizontal="center" vertical="center"/>
      <protection hidden="1"/>
    </xf>
    <xf numFmtId="0" fontId="27" fillId="0" borderId="135" xfId="0" applyFont="1" applyBorder="1" applyAlignment="1" applyProtection="1">
      <alignment horizontal="center" vertical="center"/>
      <protection hidden="1"/>
    </xf>
    <xf numFmtId="0" fontId="27" fillId="0" borderId="99" xfId="0" applyFont="1" applyBorder="1" applyAlignment="1" applyProtection="1">
      <alignment horizontal="center" vertical="center"/>
      <protection hidden="1"/>
    </xf>
    <xf numFmtId="0" fontId="27" fillId="0" borderId="100" xfId="0" applyFont="1" applyBorder="1" applyAlignment="1" applyProtection="1">
      <alignment horizontal="center" vertical="center"/>
      <protection hidden="1"/>
    </xf>
    <xf numFmtId="38" fontId="27" fillId="0" borderId="31" xfId="0" applyNumberFormat="1" applyFont="1" applyBorder="1" applyAlignment="1" applyProtection="1">
      <alignment horizontal="right" vertical="center"/>
      <protection hidden="1"/>
    </xf>
    <xf numFmtId="38" fontId="28" fillId="0" borderId="14" xfId="0" applyNumberFormat="1" applyFont="1" applyBorder="1" applyAlignment="1" applyProtection="1">
      <alignment horizontal="right" vertical="center"/>
      <protection hidden="1"/>
    </xf>
    <xf numFmtId="38" fontId="50" fillId="0" borderId="28" xfId="6" applyFont="1" applyBorder="1" applyAlignment="1" applyProtection="1">
      <alignment horizontal="right" vertical="center"/>
      <protection hidden="1"/>
    </xf>
    <xf numFmtId="38" fontId="50" fillId="0" borderId="31" xfId="6" applyFont="1" applyBorder="1" applyAlignment="1" applyProtection="1">
      <alignment horizontal="right" vertical="center"/>
      <protection hidden="1"/>
    </xf>
    <xf numFmtId="0" fontId="21" fillId="0" borderId="141" xfId="0" applyFont="1" applyBorder="1" applyAlignment="1" applyProtection="1">
      <alignment horizontal="center" vertical="center" shrinkToFit="1"/>
      <protection locked="0"/>
    </xf>
    <xf numFmtId="0" fontId="21" fillId="0" borderId="140" xfId="0" applyFont="1" applyBorder="1" applyAlignment="1" applyProtection="1">
      <alignment horizontal="center" vertical="center" shrinkToFit="1"/>
      <protection locked="0"/>
    </xf>
    <xf numFmtId="0" fontId="21" fillId="0" borderId="125" xfId="0" applyFont="1" applyBorder="1" applyAlignment="1" applyProtection="1">
      <alignment horizontal="center" vertical="center" shrinkToFit="1"/>
      <protection locked="0"/>
    </xf>
    <xf numFmtId="0" fontId="21" fillId="0" borderId="128" xfId="0" applyFont="1" applyBorder="1" applyAlignment="1" applyProtection="1">
      <alignment horizontal="center" vertical="center" shrinkToFit="1"/>
      <protection locked="0"/>
    </xf>
    <xf numFmtId="180" fontId="27" fillId="0" borderId="142" xfId="0" applyNumberFormat="1" applyFont="1" applyBorder="1" applyAlignment="1" applyProtection="1">
      <alignment horizontal="right" vertical="center"/>
      <protection hidden="1"/>
    </xf>
    <xf numFmtId="180" fontId="27" fillId="0" borderId="143" xfId="0" applyNumberFormat="1" applyFont="1" applyBorder="1" applyAlignment="1" applyProtection="1">
      <alignment horizontal="right" vertical="center"/>
      <protection hidden="1"/>
    </xf>
    <xf numFmtId="38" fontId="28" fillId="0" borderId="144" xfId="0" applyNumberFormat="1" applyFont="1" applyBorder="1" applyAlignment="1" applyProtection="1">
      <alignment horizontal="right" vertical="center"/>
      <protection hidden="1"/>
    </xf>
    <xf numFmtId="38" fontId="28" fillId="0" borderId="143" xfId="0" applyNumberFormat="1" applyFont="1" applyBorder="1" applyAlignment="1" applyProtection="1">
      <alignment horizontal="right" vertical="center"/>
      <protection hidden="1"/>
    </xf>
    <xf numFmtId="0" fontId="14" fillId="4" borderId="155" xfId="0" applyFont="1" applyFill="1" applyBorder="1" applyAlignment="1" applyProtection="1">
      <alignment horizontal="center" vertical="center"/>
      <protection hidden="1"/>
    </xf>
    <xf numFmtId="0" fontId="21" fillId="0" borderId="145" xfId="0" applyFont="1" applyBorder="1" applyAlignment="1" applyProtection="1">
      <alignment horizontal="center" vertical="center" shrinkToFit="1"/>
      <protection locked="0"/>
    </xf>
    <xf numFmtId="0" fontId="21" fillId="0" borderId="12" xfId="0" applyFont="1" applyBorder="1" applyAlignment="1" applyProtection="1">
      <alignment horizontal="center" vertical="center" shrinkToFit="1"/>
      <protection locked="0"/>
    </xf>
    <xf numFmtId="0" fontId="21" fillId="0" borderId="112" xfId="0" applyFont="1" applyBorder="1" applyAlignment="1" applyProtection="1">
      <alignment horizontal="center" vertical="center" shrinkToFit="1"/>
      <protection locked="0"/>
    </xf>
    <xf numFmtId="38" fontId="7" fillId="0" borderId="0" xfId="14" applyFont="1" applyFill="1" applyBorder="1" applyAlignment="1" applyProtection="1">
      <alignment horizontal="left" wrapText="1"/>
      <protection hidden="1"/>
    </xf>
    <xf numFmtId="38" fontId="7" fillId="0" borderId="0" xfId="14" applyFont="1" applyFill="1" applyBorder="1" applyAlignment="1" applyProtection="1">
      <alignment horizontal="left"/>
      <protection hidden="1"/>
    </xf>
    <xf numFmtId="38" fontId="7" fillId="0" borderId="22" xfId="14" applyFont="1" applyFill="1" applyBorder="1" applyAlignment="1" applyProtection="1">
      <alignment horizontal="left"/>
      <protection hidden="1"/>
    </xf>
    <xf numFmtId="0" fontId="10" fillId="0" borderId="9" xfId="0" applyFont="1" applyBorder="1" applyAlignment="1" applyProtection="1">
      <alignment horizontal="center" vertical="center"/>
      <protection hidden="1"/>
    </xf>
    <xf numFmtId="0" fontId="10" fillId="0" borderId="38" xfId="0" applyFont="1" applyBorder="1" applyAlignment="1" applyProtection="1">
      <alignment horizontal="center" vertical="center"/>
      <protection hidden="1"/>
    </xf>
    <xf numFmtId="38" fontId="20" fillId="0" borderId="32" xfId="6" applyFont="1" applyBorder="1" applyAlignment="1" applyProtection="1">
      <alignment vertical="center" shrinkToFit="1"/>
      <protection locked="0" hidden="1"/>
    </xf>
    <xf numFmtId="38" fontId="20" fillId="0" borderId="3" xfId="6" applyFont="1" applyBorder="1" applyAlignment="1" applyProtection="1">
      <alignment vertical="center" shrinkToFit="1"/>
      <protection locked="0" hidden="1"/>
    </xf>
    <xf numFmtId="0" fontId="10" fillId="0" borderId="3" xfId="0" applyFont="1" applyBorder="1" applyAlignment="1" applyProtection="1">
      <alignment horizontal="center" vertical="center"/>
      <protection hidden="1"/>
    </xf>
    <xf numFmtId="0" fontId="10" fillId="0" borderId="4" xfId="0" applyFont="1" applyBorder="1" applyAlignment="1" applyProtection="1">
      <alignment horizontal="center" vertical="center"/>
      <protection hidden="1"/>
    </xf>
    <xf numFmtId="0" fontId="15" fillId="3" borderId="205" xfId="0" applyFont="1" applyFill="1" applyBorder="1" applyAlignment="1" applyProtection="1">
      <alignment horizontal="center" vertical="center" textRotation="255" wrapText="1"/>
      <protection hidden="1"/>
    </xf>
    <xf numFmtId="0" fontId="15" fillId="3" borderId="44" xfId="0" applyFont="1" applyFill="1" applyBorder="1" applyAlignment="1" applyProtection="1">
      <alignment horizontal="center" vertical="center" textRotation="255" wrapText="1"/>
      <protection hidden="1"/>
    </xf>
    <xf numFmtId="0" fontId="15" fillId="3" borderId="102" xfId="0" applyFont="1" applyFill="1" applyBorder="1" applyAlignment="1" applyProtection="1">
      <alignment horizontal="center" vertical="center" textRotation="255" wrapText="1"/>
      <protection hidden="1"/>
    </xf>
    <xf numFmtId="0" fontId="15" fillId="3" borderId="80" xfId="0" applyFont="1" applyFill="1" applyBorder="1" applyAlignment="1" applyProtection="1">
      <alignment horizontal="center" vertical="center" textRotation="255" wrapText="1"/>
      <protection hidden="1"/>
    </xf>
    <xf numFmtId="0" fontId="22" fillId="4" borderId="35" xfId="0" applyFont="1" applyFill="1" applyBorder="1" applyAlignment="1" applyProtection="1">
      <alignment horizontal="center" vertical="center" wrapText="1"/>
      <protection hidden="1"/>
    </xf>
    <xf numFmtId="0" fontId="22" fillId="4" borderId="20" xfId="0" applyFont="1" applyFill="1" applyBorder="1" applyAlignment="1" applyProtection="1">
      <alignment horizontal="center" vertical="center" wrapText="1"/>
      <protection hidden="1"/>
    </xf>
    <xf numFmtId="0" fontId="22" fillId="4" borderId="36" xfId="0" applyFont="1" applyFill="1" applyBorder="1" applyAlignment="1" applyProtection="1">
      <alignment horizontal="center" vertical="center" wrapText="1"/>
      <protection hidden="1"/>
    </xf>
    <xf numFmtId="38" fontId="58" fillId="2" borderId="34" xfId="6" applyFont="1" applyFill="1" applyBorder="1" applyAlignment="1" applyProtection="1">
      <alignment horizontal="right" vertical="center" shrinkToFit="1"/>
      <protection locked="0"/>
    </xf>
    <xf numFmtId="38" fontId="58" fillId="2" borderId="20" xfId="6" applyFont="1" applyFill="1" applyBorder="1" applyAlignment="1" applyProtection="1">
      <alignment horizontal="right" vertical="center" shrinkToFit="1"/>
      <protection locked="0"/>
    </xf>
    <xf numFmtId="0" fontId="10" fillId="0" borderId="20" xfId="0" applyFont="1" applyBorder="1" applyAlignment="1" applyProtection="1">
      <alignment horizontal="center" vertical="center"/>
      <protection hidden="1"/>
    </xf>
    <xf numFmtId="0" fontId="10" fillId="0" borderId="33" xfId="0" applyFont="1" applyBorder="1" applyAlignment="1" applyProtection="1">
      <alignment horizontal="center" vertical="center"/>
      <protection hidden="1"/>
    </xf>
    <xf numFmtId="0" fontId="10" fillId="0" borderId="39" xfId="0" applyFont="1" applyBorder="1" applyAlignment="1" applyProtection="1">
      <alignment horizontal="center" vertical="center"/>
      <protection hidden="1"/>
    </xf>
    <xf numFmtId="0" fontId="10" fillId="0" borderId="40" xfId="0" applyFont="1" applyBorder="1" applyAlignment="1" applyProtection="1">
      <alignment horizontal="center" vertical="center"/>
      <protection hidden="1"/>
    </xf>
    <xf numFmtId="38" fontId="20" fillId="0" borderId="45" xfId="6" applyFont="1" applyBorder="1" applyAlignment="1" applyProtection="1">
      <alignment vertical="center" shrinkToFit="1"/>
      <protection locked="0" hidden="1"/>
    </xf>
    <xf numFmtId="38" fontId="20" fillId="0" borderId="26" xfId="6" applyFont="1" applyBorder="1" applyAlignment="1" applyProtection="1">
      <alignment vertical="center" shrinkToFit="1"/>
      <protection locked="0" hidden="1"/>
    </xf>
    <xf numFmtId="0" fontId="10" fillId="0" borderId="7" xfId="0" applyFont="1" applyBorder="1" applyAlignment="1" applyProtection="1">
      <alignment horizontal="center" vertical="center"/>
      <protection hidden="1"/>
    </xf>
    <xf numFmtId="0" fontId="10" fillId="0" borderId="2" xfId="0" applyFont="1" applyBorder="1" applyAlignment="1" applyProtection="1">
      <alignment horizontal="center" vertical="center"/>
      <protection hidden="1"/>
    </xf>
    <xf numFmtId="0" fontId="15" fillId="50" borderId="1" xfId="0" applyFont="1" applyFill="1" applyBorder="1" applyAlignment="1" applyProtection="1">
      <alignment horizontal="left" vertical="center" indent="2"/>
      <protection hidden="1"/>
    </xf>
    <xf numFmtId="0" fontId="15" fillId="50" borderId="7" xfId="0" applyFont="1" applyFill="1" applyBorder="1" applyAlignment="1" applyProtection="1">
      <alignment horizontal="left" vertical="center" indent="2"/>
      <protection hidden="1"/>
    </xf>
    <xf numFmtId="0" fontId="15" fillId="50" borderId="2" xfId="0" applyFont="1" applyFill="1" applyBorder="1" applyAlignment="1" applyProtection="1">
      <alignment horizontal="left" vertical="center" indent="2"/>
      <protection hidden="1"/>
    </xf>
    <xf numFmtId="0" fontId="10" fillId="50" borderId="1" xfId="0" applyFont="1" applyFill="1" applyBorder="1" applyAlignment="1" applyProtection="1">
      <alignment horizontal="center" vertical="center"/>
      <protection hidden="1"/>
    </xf>
    <xf numFmtId="0" fontId="10" fillId="50" borderId="25" xfId="0" applyFont="1" applyFill="1" applyBorder="1" applyAlignment="1" applyProtection="1">
      <alignment horizontal="center" vertical="center"/>
      <protection hidden="1"/>
    </xf>
    <xf numFmtId="0" fontId="10" fillId="0" borderId="86" xfId="0" applyFont="1" applyBorder="1" applyAlignment="1" applyProtection="1">
      <alignment horizontal="center" vertical="center"/>
      <protection hidden="1"/>
    </xf>
    <xf numFmtId="0" fontId="10" fillId="0" borderId="190" xfId="0" applyFont="1" applyBorder="1" applyAlignment="1" applyProtection="1">
      <alignment horizontal="center" vertical="center"/>
      <protection hidden="1"/>
    </xf>
    <xf numFmtId="38" fontId="20" fillId="0" borderId="191" xfId="6" applyFont="1" applyBorder="1" applyAlignment="1" applyProtection="1">
      <alignment vertical="center" shrinkToFit="1"/>
      <protection locked="0" hidden="1"/>
    </xf>
    <xf numFmtId="38" fontId="20" fillId="0" borderId="75" xfId="6" applyFont="1" applyBorder="1" applyAlignment="1" applyProtection="1">
      <alignment vertical="center" shrinkToFit="1"/>
      <protection locked="0" hidden="1"/>
    </xf>
    <xf numFmtId="0" fontId="10" fillId="0" borderId="75" xfId="0" applyFont="1" applyBorder="1" applyAlignment="1" applyProtection="1">
      <alignment horizontal="center" vertical="center"/>
      <protection hidden="1"/>
    </xf>
    <xf numFmtId="0" fontId="10" fillId="0" borderId="76" xfId="0" applyFont="1" applyBorder="1" applyAlignment="1" applyProtection="1">
      <alignment horizontal="center" vertical="center"/>
      <protection hidden="1"/>
    </xf>
    <xf numFmtId="0" fontId="22" fillId="3" borderId="35" xfId="0" applyFont="1" applyFill="1" applyBorder="1" applyAlignment="1" applyProtection="1">
      <alignment horizontal="center" vertical="center" wrapText="1"/>
      <protection hidden="1"/>
    </xf>
    <xf numFmtId="0" fontId="22" fillId="3" borderId="20" xfId="0" applyFont="1" applyFill="1" applyBorder="1" applyAlignment="1" applyProtection="1">
      <alignment horizontal="center" vertical="center" wrapText="1"/>
      <protection hidden="1"/>
    </xf>
    <xf numFmtId="0" fontId="22" fillId="3" borderId="36" xfId="0" applyFont="1" applyFill="1" applyBorder="1" applyAlignment="1" applyProtection="1">
      <alignment horizontal="center" vertical="center" wrapText="1"/>
      <protection hidden="1"/>
    </xf>
    <xf numFmtId="38" fontId="58" fillId="2" borderId="34" xfId="6" applyFont="1" applyFill="1" applyBorder="1" applyAlignment="1" applyProtection="1">
      <alignment horizontal="right" vertical="center" shrinkToFit="1"/>
      <protection hidden="1"/>
    </xf>
    <xf numFmtId="38" fontId="58" fillId="2" borderId="20" xfId="6" applyFont="1" applyFill="1" applyBorder="1" applyAlignment="1" applyProtection="1">
      <alignment horizontal="right" vertical="center" shrinkToFit="1"/>
      <protection hidden="1"/>
    </xf>
    <xf numFmtId="0" fontId="120" fillId="0" borderId="20" xfId="0" applyFont="1" applyBorder="1" applyAlignment="1" applyProtection="1">
      <alignment horizontal="right" shrinkToFit="1"/>
      <protection hidden="1"/>
    </xf>
    <xf numFmtId="0" fontId="15" fillId="0" borderId="0" xfId="0" applyFont="1" applyAlignment="1" applyProtection="1">
      <alignment horizontal="center" vertical="center"/>
      <protection locked="0"/>
    </xf>
    <xf numFmtId="0" fontId="84" fillId="0" borderId="0" xfId="0" applyFont="1" applyAlignment="1" applyProtection="1">
      <alignment horizontal="center" vertical="top" wrapText="1"/>
      <protection hidden="1"/>
    </xf>
    <xf numFmtId="0" fontId="15" fillId="0" borderId="0" xfId="0" applyFont="1" applyAlignment="1" applyProtection="1">
      <alignment horizontal="left" vertical="center" indent="2" shrinkToFit="1"/>
      <protection hidden="1"/>
    </xf>
    <xf numFmtId="0" fontId="61" fillId="0" borderId="0" xfId="0" applyFont="1" applyAlignment="1" applyProtection="1">
      <alignment horizontal="center" vertical="center"/>
      <protection locked="0"/>
    </xf>
    <xf numFmtId="0" fontId="66" fillId="0" borderId="0" xfId="0" applyFont="1" applyAlignment="1" applyProtection="1">
      <alignment horizontal="distributed" vertical="distributed"/>
      <protection hidden="1"/>
    </xf>
    <xf numFmtId="0" fontId="66" fillId="0" borderId="0" xfId="0" applyFont="1" applyAlignment="1" applyProtection="1">
      <alignment vertical="center" wrapText="1"/>
      <protection locked="0"/>
    </xf>
    <xf numFmtId="0" fontId="10" fillId="0" borderId="41" xfId="0" applyFont="1" applyBorder="1" applyAlignment="1" applyProtection="1">
      <alignment horizontal="center" vertical="center"/>
      <protection hidden="1"/>
    </xf>
    <xf numFmtId="0" fontId="10" fillId="0" borderId="46" xfId="0" applyFont="1" applyBorder="1" applyAlignment="1" applyProtection="1">
      <alignment horizontal="center" vertical="center"/>
      <protection hidden="1"/>
    </xf>
    <xf numFmtId="38" fontId="20" fillId="0" borderId="48" xfId="6" applyFont="1" applyBorder="1" applyAlignment="1" applyProtection="1">
      <alignment vertical="center" shrinkToFit="1"/>
      <protection hidden="1"/>
    </xf>
    <xf numFmtId="38" fontId="20" fillId="0" borderId="42" xfId="6" applyFont="1" applyBorder="1" applyAlignment="1" applyProtection="1">
      <alignment vertical="center" shrinkToFit="1"/>
      <protection hidden="1"/>
    </xf>
    <xf numFmtId="0" fontId="10" fillId="0" borderId="42" xfId="0" applyFont="1" applyBorder="1" applyAlignment="1" applyProtection="1">
      <alignment horizontal="center" vertical="center"/>
      <protection hidden="1"/>
    </xf>
    <xf numFmtId="0" fontId="10" fillId="0" borderId="43" xfId="0" applyFont="1" applyBorder="1" applyAlignment="1" applyProtection="1">
      <alignment horizontal="center" vertical="center"/>
      <protection hidden="1"/>
    </xf>
    <xf numFmtId="0" fontId="15" fillId="3" borderId="41" xfId="0" applyFont="1" applyFill="1" applyBorder="1" applyAlignment="1" applyProtection="1">
      <alignment horizontal="left" vertical="center" wrapText="1" indent="5"/>
      <protection hidden="1"/>
    </xf>
    <xf numFmtId="0" fontId="15" fillId="3" borderId="42" xfId="0" applyFont="1" applyFill="1" applyBorder="1" applyAlignment="1" applyProtection="1">
      <alignment horizontal="left" vertical="center" wrapText="1" indent="5"/>
      <protection hidden="1"/>
    </xf>
    <xf numFmtId="0" fontId="15" fillId="3" borderId="43" xfId="0" applyFont="1" applyFill="1" applyBorder="1" applyAlignment="1" applyProtection="1">
      <alignment horizontal="left" vertical="center" wrapText="1" indent="5"/>
      <protection hidden="1"/>
    </xf>
    <xf numFmtId="0" fontId="15" fillId="0" borderId="9" xfId="0" applyFont="1" applyBorder="1" applyAlignment="1" applyProtection="1">
      <alignment horizontal="left" vertical="center" indent="2"/>
      <protection hidden="1"/>
    </xf>
    <xf numFmtId="0" fontId="15" fillId="0" borderId="3" xfId="0" applyFont="1" applyBorder="1" applyAlignment="1" applyProtection="1">
      <alignment horizontal="left" vertical="center" indent="2"/>
      <protection hidden="1"/>
    </xf>
    <xf numFmtId="0" fontId="15" fillId="0" borderId="4" xfId="0" applyFont="1" applyBorder="1" applyAlignment="1" applyProtection="1">
      <alignment horizontal="left" vertical="center" indent="2"/>
      <protection hidden="1"/>
    </xf>
    <xf numFmtId="0" fontId="10" fillId="0" borderId="26" xfId="0" applyFont="1" applyBorder="1" applyAlignment="1" applyProtection="1">
      <alignment horizontal="center" vertical="center"/>
      <protection hidden="1"/>
    </xf>
    <xf numFmtId="0" fontId="10" fillId="0" borderId="27" xfId="0" applyFont="1" applyBorder="1" applyAlignment="1" applyProtection="1">
      <alignment horizontal="center" vertical="center"/>
      <protection hidden="1"/>
    </xf>
    <xf numFmtId="0" fontId="104" fillId="0" borderId="1" xfId="0" applyFont="1" applyBorder="1" applyAlignment="1" applyProtection="1">
      <alignment horizontal="center" vertical="center"/>
      <protection hidden="1"/>
    </xf>
    <xf numFmtId="0" fontId="104" fillId="0" borderId="7" xfId="0" applyFont="1" applyBorder="1" applyAlignment="1" applyProtection="1">
      <alignment horizontal="center" vertical="center"/>
      <protection hidden="1"/>
    </xf>
    <xf numFmtId="0" fontId="104" fillId="0" borderId="2" xfId="0" applyFont="1" applyBorder="1" applyAlignment="1" applyProtection="1">
      <alignment horizontal="center" vertical="center"/>
      <protection hidden="1"/>
    </xf>
    <xf numFmtId="0" fontId="15" fillId="0" borderId="28" xfId="0" applyFont="1" applyBorder="1" applyAlignment="1" applyProtection="1">
      <alignment horizontal="left" vertical="center" indent="2"/>
      <protection hidden="1"/>
    </xf>
    <xf numFmtId="0" fontId="15" fillId="0" borderId="31" xfId="0" applyFont="1" applyBorder="1" applyAlignment="1" applyProtection="1">
      <alignment horizontal="left" vertical="center" indent="2"/>
      <protection hidden="1"/>
    </xf>
    <xf numFmtId="0" fontId="15" fillId="0" borderId="37" xfId="0" applyFont="1" applyBorder="1" applyAlignment="1" applyProtection="1">
      <alignment horizontal="left" vertical="center" indent="2"/>
      <protection hidden="1"/>
    </xf>
    <xf numFmtId="0" fontId="10" fillId="0" borderId="28" xfId="0" applyFont="1" applyBorder="1" applyAlignment="1" applyProtection="1">
      <alignment horizontal="center" vertical="center"/>
      <protection hidden="1"/>
    </xf>
    <xf numFmtId="0" fontId="10" fillId="0" borderId="29" xfId="0" applyFont="1" applyBorder="1" applyAlignment="1" applyProtection="1">
      <alignment horizontal="center" vertical="center"/>
      <protection hidden="1"/>
    </xf>
    <xf numFmtId="38" fontId="20" fillId="0" borderId="30" xfId="6" applyFont="1" applyBorder="1" applyAlignment="1" applyProtection="1">
      <alignment vertical="center" shrinkToFit="1"/>
      <protection locked="0" hidden="1"/>
    </xf>
    <xf numFmtId="38" fontId="20" fillId="0" borderId="31" xfId="6" applyFont="1" applyBorder="1" applyAlignment="1" applyProtection="1">
      <alignment vertical="center" shrinkToFit="1"/>
      <protection locked="0" hidden="1"/>
    </xf>
    <xf numFmtId="0" fontId="15" fillId="6" borderId="39" xfId="0" applyFont="1" applyFill="1" applyBorder="1" applyAlignment="1" applyProtection="1">
      <alignment horizontal="center" vertical="center" wrapText="1"/>
      <protection hidden="1"/>
    </xf>
    <xf numFmtId="0" fontId="15" fillId="6" borderId="26" xfId="0" applyFont="1" applyFill="1" applyBorder="1" applyAlignment="1" applyProtection="1">
      <alignment horizontal="center" vertical="center" wrapText="1"/>
      <protection hidden="1"/>
    </xf>
    <xf numFmtId="0" fontId="15" fillId="6" borderId="27" xfId="0" applyFont="1" applyFill="1" applyBorder="1" applyAlignment="1" applyProtection="1">
      <alignment horizontal="center" vertical="center" wrapText="1"/>
      <protection hidden="1"/>
    </xf>
    <xf numFmtId="0" fontId="10" fillId="0" borderId="31" xfId="0" applyFont="1" applyBorder="1" applyAlignment="1" applyProtection="1">
      <alignment horizontal="center" vertical="center"/>
      <protection hidden="1"/>
    </xf>
    <xf numFmtId="0" fontId="10" fillId="0" borderId="37" xfId="0" applyFont="1" applyBorder="1" applyAlignment="1" applyProtection="1">
      <alignment horizontal="center" vertical="center"/>
      <protection hidden="1"/>
    </xf>
    <xf numFmtId="0" fontId="15" fillId="2" borderId="1" xfId="0" applyFont="1" applyFill="1" applyBorder="1" applyAlignment="1" applyProtection="1">
      <alignment horizontal="center" vertical="center"/>
      <protection hidden="1"/>
    </xf>
    <xf numFmtId="0" fontId="15" fillId="2" borderId="2" xfId="0" applyFont="1" applyFill="1" applyBorder="1" applyAlignment="1" applyProtection="1">
      <alignment horizontal="center" vertical="center"/>
      <protection hidden="1"/>
    </xf>
    <xf numFmtId="0" fontId="15" fillId="2" borderId="1" xfId="0" applyFont="1" applyFill="1" applyBorder="1" applyAlignment="1" applyProtection="1">
      <alignment horizontal="center" vertical="center" shrinkToFit="1"/>
      <protection hidden="1"/>
    </xf>
    <xf numFmtId="0" fontId="15" fillId="2" borderId="7" xfId="0" applyFont="1" applyFill="1" applyBorder="1" applyAlignment="1" applyProtection="1">
      <alignment horizontal="center" vertical="center" shrinkToFit="1"/>
      <protection hidden="1"/>
    </xf>
    <xf numFmtId="0" fontId="15" fillId="2" borderId="2" xfId="0" applyFont="1" applyFill="1" applyBorder="1" applyAlignment="1" applyProtection="1">
      <alignment horizontal="center" vertical="center" shrinkToFit="1"/>
      <protection hidden="1"/>
    </xf>
    <xf numFmtId="0" fontId="15" fillId="0" borderId="86" xfId="0" applyFont="1" applyBorder="1" applyAlignment="1" applyProtection="1">
      <alignment horizontal="left" vertical="center" indent="2"/>
      <protection hidden="1"/>
    </xf>
    <xf numFmtId="0" fontId="15" fillId="0" borderId="75" xfId="0" applyFont="1" applyBorder="1" applyAlignment="1" applyProtection="1">
      <alignment horizontal="left" vertical="center" indent="2"/>
      <protection hidden="1"/>
    </xf>
    <xf numFmtId="0" fontId="15" fillId="0" borderId="76" xfId="0" applyFont="1" applyBorder="1" applyAlignment="1" applyProtection="1">
      <alignment horizontal="left" vertical="center" indent="2"/>
      <protection hidden="1"/>
    </xf>
    <xf numFmtId="0" fontId="15" fillId="0" borderId="8" xfId="0" applyFont="1" applyBorder="1" applyAlignment="1" applyProtection="1">
      <alignment horizontal="left" vertical="center" indent="2"/>
      <protection hidden="1"/>
    </xf>
    <xf numFmtId="0" fontId="15" fillId="0" borderId="5" xfId="0" applyFont="1" applyBorder="1" applyAlignment="1" applyProtection="1">
      <alignment horizontal="left" vertical="center" indent="2"/>
      <protection hidden="1"/>
    </xf>
    <xf numFmtId="0" fontId="15" fillId="0" borderId="6" xfId="0" applyFont="1" applyBorder="1" applyAlignment="1" applyProtection="1">
      <alignment horizontal="left" vertical="center" indent="2"/>
      <protection hidden="1"/>
    </xf>
    <xf numFmtId="0" fontId="15" fillId="3" borderId="28" xfId="0" applyFont="1" applyFill="1" applyBorder="1" applyAlignment="1" applyProtection="1">
      <alignment horizontal="left" vertical="center" wrapText="1" indent="5"/>
      <protection hidden="1"/>
    </xf>
    <xf numFmtId="0" fontId="15" fillId="3" borderId="31" xfId="0" applyFont="1" applyFill="1" applyBorder="1" applyAlignment="1" applyProtection="1">
      <alignment horizontal="left" vertical="center" wrapText="1" indent="5"/>
      <protection hidden="1"/>
    </xf>
    <xf numFmtId="0" fontId="15" fillId="3" borderId="37" xfId="0" applyFont="1" applyFill="1" applyBorder="1" applyAlignment="1" applyProtection="1">
      <alignment horizontal="left" vertical="center" wrapText="1" indent="5"/>
      <protection hidden="1"/>
    </xf>
    <xf numFmtId="38" fontId="20" fillId="0" borderId="30" xfId="6" applyFont="1" applyBorder="1" applyAlignment="1" applyProtection="1">
      <alignment vertical="center" shrinkToFit="1"/>
      <protection hidden="1"/>
    </xf>
    <xf numFmtId="38" fontId="20" fillId="0" borderId="31" xfId="6" applyFont="1" applyBorder="1" applyAlignment="1" applyProtection="1">
      <alignment vertical="center" shrinkToFit="1"/>
      <protection hidden="1"/>
    </xf>
    <xf numFmtId="0" fontId="15" fillId="3" borderId="11" xfId="0" applyFont="1" applyFill="1" applyBorder="1" applyAlignment="1" applyProtection="1">
      <alignment horizontal="center" vertical="center" textRotation="255"/>
      <protection hidden="1"/>
    </xf>
    <xf numFmtId="0" fontId="15" fillId="3" borderId="10" xfId="0" applyFont="1" applyFill="1" applyBorder="1" applyAlignment="1" applyProtection="1">
      <alignment horizontal="center" vertical="center" textRotation="255"/>
      <protection hidden="1"/>
    </xf>
    <xf numFmtId="0" fontId="15" fillId="0" borderId="1" xfId="0" applyFont="1" applyBorder="1" applyAlignment="1" applyProtection="1">
      <alignment horizontal="left" vertical="center" indent="2"/>
      <protection hidden="1"/>
    </xf>
    <xf numFmtId="0" fontId="15" fillId="0" borderId="7" xfId="0" applyFont="1" applyBorder="1" applyAlignment="1" applyProtection="1">
      <alignment horizontal="left" vertical="center" indent="2"/>
      <protection hidden="1"/>
    </xf>
    <xf numFmtId="0" fontId="15" fillId="0" borderId="2" xfId="0" applyFont="1" applyBorder="1" applyAlignment="1" applyProtection="1">
      <alignment horizontal="left" vertical="center" indent="2"/>
      <protection hidden="1"/>
    </xf>
    <xf numFmtId="0" fontId="10" fillId="0" borderId="1" xfId="0" applyFont="1" applyBorder="1" applyAlignment="1" applyProtection="1">
      <alignment horizontal="center" vertical="center"/>
      <protection hidden="1"/>
    </xf>
    <xf numFmtId="0" fontId="10" fillId="0" borderId="25" xfId="0" applyFont="1" applyBorder="1" applyAlignment="1" applyProtection="1">
      <alignment horizontal="center" vertical="center"/>
      <protection hidden="1"/>
    </xf>
    <xf numFmtId="38" fontId="20" fillId="0" borderId="24" xfId="6" applyFont="1" applyBorder="1" applyAlignment="1" applyProtection="1">
      <alignment vertical="center" shrinkToFit="1"/>
      <protection locked="0" hidden="1"/>
    </xf>
    <xf numFmtId="38" fontId="20" fillId="0" borderId="7" xfId="6" applyFont="1" applyBorder="1" applyAlignment="1" applyProtection="1">
      <alignment vertical="center" shrinkToFit="1"/>
      <protection locked="0" hidden="1"/>
    </xf>
    <xf numFmtId="0" fontId="15" fillId="3" borderId="1" xfId="0" applyFont="1" applyFill="1" applyBorder="1" applyAlignment="1" applyProtection="1">
      <alignment horizontal="left" vertical="center" indent="2" shrinkToFit="1"/>
      <protection hidden="1"/>
    </xf>
    <xf numFmtId="0" fontId="15" fillId="3" borderId="7" xfId="0" applyFont="1" applyFill="1" applyBorder="1" applyAlignment="1" applyProtection="1">
      <alignment horizontal="left" vertical="center" indent="2" shrinkToFit="1"/>
      <protection hidden="1"/>
    </xf>
    <xf numFmtId="0" fontId="15" fillId="3" borderId="2" xfId="0" applyFont="1" applyFill="1" applyBorder="1" applyAlignment="1" applyProtection="1">
      <alignment horizontal="left" vertical="center" indent="2" shrinkToFit="1"/>
      <protection hidden="1"/>
    </xf>
    <xf numFmtId="38" fontId="48" fillId="0" borderId="24" xfId="6" applyFont="1" applyBorder="1" applyAlignment="1" applyProtection="1">
      <alignment vertical="center" shrinkToFit="1"/>
      <protection locked="0" hidden="1"/>
    </xf>
    <xf numFmtId="38" fontId="48" fillId="0" borderId="7" xfId="6" applyFont="1" applyBorder="1" applyAlignment="1" applyProtection="1">
      <alignment vertical="center" shrinkToFit="1"/>
      <protection locked="0" hidden="1"/>
    </xf>
    <xf numFmtId="38" fontId="86" fillId="0" borderId="21" xfId="6" applyFont="1" applyFill="1" applyBorder="1" applyAlignment="1" applyProtection="1">
      <alignment horizontal="center" vertical="top"/>
      <protection hidden="1"/>
    </xf>
    <xf numFmtId="38" fontId="48" fillId="0" borderId="32" xfId="6" applyFont="1" applyBorder="1" applyAlignment="1" applyProtection="1">
      <alignment vertical="center" shrinkToFit="1"/>
      <protection hidden="1"/>
    </xf>
    <xf numFmtId="38" fontId="48" fillId="0" borderId="3" xfId="6" applyFont="1" applyBorder="1" applyAlignment="1" applyProtection="1">
      <alignment vertical="center" shrinkToFit="1"/>
      <protection hidden="1"/>
    </xf>
    <xf numFmtId="0" fontId="103" fillId="0" borderId="22" xfId="0" applyFont="1" applyBorder="1" applyAlignment="1" applyProtection="1">
      <alignment horizontal="left" vertical="center"/>
      <protection hidden="1"/>
    </xf>
    <xf numFmtId="0" fontId="7" fillId="0" borderId="0" xfId="0" applyFont="1" applyAlignment="1" applyProtection="1">
      <alignment horizontal="right" vertical="top"/>
      <protection hidden="1"/>
    </xf>
    <xf numFmtId="0" fontId="31" fillId="2" borderId="0" xfId="0" applyFont="1" applyFill="1" applyAlignment="1" applyProtection="1">
      <alignment horizontal="center" vertical="center"/>
      <protection hidden="1"/>
    </xf>
    <xf numFmtId="0" fontId="31" fillId="2" borderId="0" xfId="0" applyFont="1" applyFill="1" applyAlignment="1" applyProtection="1">
      <alignment horizontal="center" vertical="center" wrapText="1"/>
      <protection hidden="1"/>
    </xf>
    <xf numFmtId="0" fontId="108" fillId="6" borderId="209" xfId="0" applyFont="1" applyFill="1" applyBorder="1" applyAlignment="1" applyProtection="1">
      <alignment horizontal="center" vertical="center" wrapText="1" shrinkToFit="1"/>
      <protection hidden="1"/>
    </xf>
    <xf numFmtId="0" fontId="108" fillId="6" borderId="182" xfId="0" applyFont="1" applyFill="1" applyBorder="1" applyAlignment="1" applyProtection="1">
      <alignment horizontal="center" vertical="center" wrapText="1" shrinkToFit="1"/>
      <protection hidden="1"/>
    </xf>
    <xf numFmtId="0" fontId="108" fillId="0" borderId="182" xfId="0" applyFont="1" applyBorder="1" applyAlignment="1" applyProtection="1">
      <alignment horizontal="center" vertical="center" shrinkToFit="1"/>
      <protection hidden="1"/>
    </xf>
    <xf numFmtId="0" fontId="108" fillId="0" borderId="183" xfId="0" applyFont="1" applyBorder="1" applyAlignment="1" applyProtection="1">
      <alignment horizontal="center" vertical="center" shrinkToFit="1"/>
      <protection hidden="1"/>
    </xf>
    <xf numFmtId="0" fontId="108" fillId="6" borderId="120" xfId="0" applyFont="1" applyFill="1" applyBorder="1" applyAlignment="1" applyProtection="1">
      <alignment horizontal="center" vertical="center" wrapText="1" shrinkToFit="1"/>
      <protection hidden="1"/>
    </xf>
    <xf numFmtId="0" fontId="108" fillId="6" borderId="63" xfId="0" applyFont="1" applyFill="1" applyBorder="1" applyAlignment="1" applyProtection="1">
      <alignment horizontal="center" vertical="center" wrapText="1" shrinkToFit="1"/>
      <protection hidden="1"/>
    </xf>
    <xf numFmtId="0" fontId="108" fillId="0" borderId="9" xfId="0" applyFont="1" applyBorder="1" applyAlignment="1" applyProtection="1">
      <alignment horizontal="center" vertical="center" shrinkToFit="1"/>
      <protection hidden="1"/>
    </xf>
    <xf numFmtId="0" fontId="108" fillId="0" borderId="3" xfId="0" applyFont="1" applyBorder="1" applyAlignment="1" applyProtection="1">
      <alignment horizontal="center" vertical="center" shrinkToFit="1"/>
      <protection hidden="1"/>
    </xf>
    <xf numFmtId="0" fontId="108" fillId="0" borderId="133" xfId="0" applyFont="1" applyBorder="1" applyAlignment="1" applyProtection="1">
      <alignment horizontal="center" vertical="center" shrinkToFit="1"/>
      <protection hidden="1"/>
    </xf>
    <xf numFmtId="0" fontId="107" fillId="2" borderId="55" xfId="0" applyFont="1" applyFill="1" applyBorder="1" applyAlignment="1" applyProtection="1">
      <alignment horizontal="center" vertical="center" shrinkToFit="1"/>
      <protection hidden="1"/>
    </xf>
    <xf numFmtId="0" fontId="107" fillId="2" borderId="12" xfId="0" applyFont="1" applyFill="1" applyBorder="1" applyAlignment="1" applyProtection="1">
      <alignment horizontal="center" vertical="center" shrinkToFit="1"/>
      <protection hidden="1"/>
    </xf>
    <xf numFmtId="0" fontId="107" fillId="2" borderId="112" xfId="0" applyFont="1" applyFill="1" applyBorder="1" applyAlignment="1" applyProtection="1">
      <alignment horizontal="center" vertical="center" shrinkToFit="1"/>
      <protection hidden="1"/>
    </xf>
    <xf numFmtId="0" fontId="108" fillId="0" borderId="173" xfId="0" applyFont="1" applyBorder="1" applyAlignment="1" applyProtection="1">
      <alignment horizontal="center" shrinkToFit="1"/>
      <protection hidden="1"/>
    </xf>
    <xf numFmtId="0" fontId="108" fillId="0" borderId="171" xfId="0" applyFont="1" applyBorder="1" applyAlignment="1" applyProtection="1">
      <alignment horizontal="center" shrinkToFit="1"/>
      <protection hidden="1"/>
    </xf>
    <xf numFmtId="0" fontId="108" fillId="0" borderId="172" xfId="0" applyFont="1" applyBorder="1" applyAlignment="1" applyProtection="1">
      <alignment horizontal="center" shrinkToFit="1"/>
      <protection hidden="1"/>
    </xf>
    <xf numFmtId="0" fontId="107" fillId="2" borderId="88" xfId="0" applyFont="1" applyFill="1" applyBorder="1" applyAlignment="1" applyProtection="1">
      <alignment horizontal="center" vertical="center" shrinkToFit="1"/>
      <protection hidden="1"/>
    </xf>
    <xf numFmtId="0" fontId="107" fillId="2" borderId="0" xfId="0" applyFont="1" applyFill="1" applyAlignment="1" applyProtection="1">
      <alignment horizontal="center" vertical="center" shrinkToFit="1"/>
      <protection hidden="1"/>
    </xf>
    <xf numFmtId="0" fontId="107" fillId="2" borderId="66" xfId="0" applyFont="1" applyFill="1" applyBorder="1" applyAlignment="1" applyProtection="1">
      <alignment horizontal="center" vertical="center" shrinkToFit="1"/>
      <protection hidden="1"/>
    </xf>
    <xf numFmtId="0" fontId="108" fillId="2" borderId="107" xfId="0" applyFont="1" applyFill="1" applyBorder="1" applyAlignment="1" applyProtection="1">
      <alignment horizontal="center" shrinkToFit="1"/>
      <protection hidden="1"/>
    </xf>
    <xf numFmtId="0" fontId="108" fillId="2" borderId="92" xfId="0" applyFont="1" applyFill="1" applyBorder="1" applyAlignment="1" applyProtection="1">
      <alignment horizontal="center" shrinkToFit="1"/>
      <protection hidden="1"/>
    </xf>
    <xf numFmtId="0" fontId="108" fillId="2" borderId="90" xfId="0" applyFont="1" applyFill="1" applyBorder="1" applyAlignment="1" applyProtection="1">
      <alignment horizontal="center" shrinkToFit="1"/>
      <protection hidden="1"/>
    </xf>
    <xf numFmtId="0" fontId="108" fillId="2" borderId="91" xfId="0" applyFont="1" applyFill="1" applyBorder="1" applyAlignment="1" applyProtection="1">
      <alignment horizontal="center" shrinkToFit="1"/>
      <protection hidden="1"/>
    </xf>
    <xf numFmtId="0" fontId="108" fillId="0" borderId="178" xfId="0" applyFont="1" applyBorder="1" applyAlignment="1" applyProtection="1">
      <alignment horizontal="center" shrinkToFit="1"/>
      <protection hidden="1"/>
    </xf>
    <xf numFmtId="0" fontId="107" fillId="0" borderId="169" xfId="0" applyFont="1" applyBorder="1" applyAlignment="1" applyProtection="1">
      <alignment horizontal="center" vertical="center" shrinkToFit="1"/>
      <protection hidden="1"/>
    </xf>
    <xf numFmtId="0" fontId="108" fillId="0" borderId="169" xfId="0" applyFont="1" applyBorder="1" applyAlignment="1" applyProtection="1">
      <alignment horizontal="center" vertical="center" shrinkToFit="1"/>
      <protection hidden="1"/>
    </xf>
    <xf numFmtId="0" fontId="108" fillId="0" borderId="170" xfId="0" applyFont="1" applyBorder="1" applyAlignment="1" applyProtection="1">
      <alignment horizontal="center" shrinkToFit="1"/>
      <protection hidden="1"/>
    </xf>
    <xf numFmtId="0" fontId="108" fillId="6" borderId="148" xfId="0" applyFont="1" applyFill="1" applyBorder="1" applyAlignment="1" applyProtection="1">
      <alignment horizontal="center" vertical="center" wrapText="1" shrinkToFit="1"/>
      <protection hidden="1"/>
    </xf>
    <xf numFmtId="0" fontId="108" fillId="6" borderId="22" xfId="0" applyFont="1" applyFill="1" applyBorder="1" applyAlignment="1" applyProtection="1">
      <alignment horizontal="center" vertical="center" wrapText="1" shrinkToFit="1"/>
      <protection hidden="1"/>
    </xf>
    <xf numFmtId="0" fontId="108" fillId="6" borderId="130" xfId="0" applyFont="1" applyFill="1" applyBorder="1" applyAlignment="1" applyProtection="1">
      <alignment horizontal="center" vertical="center" wrapText="1" shrinkToFit="1"/>
      <protection hidden="1"/>
    </xf>
    <xf numFmtId="0" fontId="108" fillId="0" borderId="181" xfId="0" applyFont="1" applyBorder="1" applyAlignment="1" applyProtection="1">
      <alignment horizontal="center" shrinkToFit="1"/>
      <protection hidden="1"/>
    </xf>
    <xf numFmtId="0" fontId="108" fillId="0" borderId="22" xfId="0" applyFont="1" applyBorder="1" applyAlignment="1" applyProtection="1">
      <alignment horizontal="center" shrinkToFit="1"/>
      <protection hidden="1"/>
    </xf>
    <xf numFmtId="0" fontId="108" fillId="0" borderId="139" xfId="0" applyFont="1" applyBorder="1" applyAlignment="1" applyProtection="1">
      <alignment horizontal="center" shrinkToFit="1"/>
      <protection hidden="1"/>
    </xf>
    <xf numFmtId="0" fontId="115" fillId="0" borderId="20" xfId="0" applyFont="1" applyBorder="1" applyAlignment="1" applyProtection="1">
      <alignment horizontal="center" vertical="center" shrinkToFit="1"/>
      <protection hidden="1"/>
    </xf>
    <xf numFmtId="38" fontId="111" fillId="0" borderId="35" xfId="141" applyFont="1" applyFill="1" applyBorder="1" applyAlignment="1" applyProtection="1">
      <alignment horizontal="center" vertical="center" shrinkToFit="1"/>
      <protection hidden="1"/>
    </xf>
    <xf numFmtId="38" fontId="111" fillId="0" borderId="20" xfId="141" applyFont="1" applyFill="1" applyBorder="1" applyAlignment="1" applyProtection="1">
      <alignment horizontal="center" vertical="center" shrinkToFit="1"/>
      <protection hidden="1"/>
    </xf>
    <xf numFmtId="38" fontId="111" fillId="0" borderId="33" xfId="141" applyFont="1" applyFill="1" applyBorder="1" applyAlignment="1" applyProtection="1">
      <alignment horizontal="center" vertical="center" shrinkToFit="1"/>
      <protection hidden="1"/>
    </xf>
    <xf numFmtId="0" fontId="108" fillId="6" borderId="209" xfId="0" applyFont="1" applyFill="1" applyBorder="1">
      <alignment vertical="center"/>
    </xf>
    <xf numFmtId="0" fontId="108" fillId="6" borderId="182" xfId="0" applyFont="1" applyFill="1" applyBorder="1">
      <alignment vertical="center"/>
    </xf>
    <xf numFmtId="0" fontId="108" fillId="6" borderId="86" xfId="0" applyFont="1" applyFill="1" applyBorder="1" applyAlignment="1">
      <alignment horizontal="left" vertical="center"/>
    </xf>
    <xf numFmtId="0" fontId="108" fillId="6" borderId="75" xfId="0" applyFont="1" applyFill="1" applyBorder="1" applyAlignment="1">
      <alignment horizontal="left" vertical="center"/>
    </xf>
    <xf numFmtId="0" fontId="108" fillId="6" borderId="87" xfId="0" applyFont="1" applyFill="1" applyBorder="1" applyAlignment="1">
      <alignment horizontal="left" vertical="center"/>
    </xf>
    <xf numFmtId="0" fontId="114" fillId="0" borderId="208" xfId="0" applyFont="1" applyBorder="1" applyAlignment="1" applyProtection="1">
      <alignment horizontal="center" vertical="center"/>
      <protection locked="0"/>
    </xf>
    <xf numFmtId="0" fontId="114" fillId="0" borderId="23" xfId="0" applyFont="1" applyBorder="1" applyAlignment="1" applyProtection="1">
      <alignment horizontal="center" vertical="center"/>
      <protection locked="0"/>
    </xf>
    <xf numFmtId="0" fontId="110" fillId="5" borderId="1" xfId="0" applyFont="1" applyFill="1" applyBorder="1" applyAlignment="1" applyProtection="1">
      <alignment horizontal="left" vertical="center" shrinkToFit="1"/>
      <protection locked="0"/>
    </xf>
    <xf numFmtId="0" fontId="110" fillId="5" borderId="7" xfId="0" applyFont="1" applyFill="1" applyBorder="1" applyAlignment="1" applyProtection="1">
      <alignment horizontal="left" vertical="center" shrinkToFit="1"/>
      <protection locked="0"/>
    </xf>
    <xf numFmtId="0" fontId="110" fillId="5" borderId="64" xfId="0" applyFont="1" applyFill="1" applyBorder="1" applyAlignment="1" applyProtection="1">
      <alignment horizontal="left" vertical="center" shrinkToFit="1"/>
      <protection locked="0"/>
    </xf>
    <xf numFmtId="0" fontId="108" fillId="6" borderId="208" xfId="0" applyFont="1" applyFill="1" applyBorder="1">
      <alignment vertical="center"/>
    </xf>
    <xf numFmtId="0" fontId="108" fillId="6" borderId="23" xfId="0" applyFont="1" applyFill="1" applyBorder="1">
      <alignment vertical="center"/>
    </xf>
    <xf numFmtId="0" fontId="108" fillId="6" borderId="1" xfId="0" applyFont="1" applyFill="1" applyBorder="1" applyAlignment="1">
      <alignment horizontal="left" vertical="center"/>
    </xf>
    <xf numFmtId="0" fontId="108" fillId="6" borderId="7" xfId="0" applyFont="1" applyFill="1" applyBorder="1" applyAlignment="1">
      <alignment horizontal="left" vertical="center"/>
    </xf>
    <xf numFmtId="0" fontId="108" fillId="6" borderId="64" xfId="0" applyFont="1" applyFill="1" applyBorder="1" applyAlignment="1">
      <alignment horizontal="left" vertical="center"/>
    </xf>
    <xf numFmtId="0" fontId="108" fillId="6" borderId="208" xfId="0" applyFont="1" applyFill="1" applyBorder="1" applyAlignment="1">
      <alignment horizontal="center" vertical="center"/>
    </xf>
    <xf numFmtId="0" fontId="108" fillId="6" borderId="23" xfId="0" applyFont="1" applyFill="1" applyBorder="1" applyAlignment="1">
      <alignment horizontal="center" vertical="center"/>
    </xf>
    <xf numFmtId="0" fontId="108" fillId="6" borderId="174" xfId="6" applyNumberFormat="1" applyFont="1" applyFill="1" applyBorder="1" applyAlignment="1">
      <alignment horizontal="left" vertical="center"/>
    </xf>
    <xf numFmtId="0" fontId="108" fillId="6" borderId="7" xfId="6" applyNumberFormat="1" applyFont="1" applyFill="1" applyBorder="1" applyAlignment="1">
      <alignment horizontal="left" vertical="center"/>
    </xf>
    <xf numFmtId="0" fontId="108" fillId="6" borderId="64" xfId="6" applyNumberFormat="1" applyFont="1" applyFill="1" applyBorder="1" applyAlignment="1">
      <alignment horizontal="left" vertical="center"/>
    </xf>
    <xf numFmtId="0" fontId="108" fillId="0" borderId="174" xfId="0" applyFont="1" applyBorder="1" applyAlignment="1" applyProtection="1">
      <alignment horizontal="center" vertical="center"/>
      <protection locked="0"/>
    </xf>
    <xf numFmtId="0" fontId="108" fillId="0" borderId="7" xfId="0" applyFont="1" applyBorder="1" applyAlignment="1" applyProtection="1">
      <alignment horizontal="center" vertical="center"/>
      <protection locked="0"/>
    </xf>
    <xf numFmtId="0" fontId="108" fillId="0" borderId="7" xfId="6" applyNumberFormat="1" applyFont="1" applyFill="1" applyBorder="1" applyAlignment="1">
      <alignment horizontal="left" vertical="center"/>
    </xf>
    <xf numFmtId="0" fontId="108" fillId="0" borderId="2" xfId="6" applyNumberFormat="1" applyFont="1" applyFill="1" applyBorder="1" applyAlignment="1">
      <alignment horizontal="left" vertical="center"/>
    </xf>
    <xf numFmtId="0" fontId="108" fillId="0" borderId="1" xfId="0" applyFont="1" applyBorder="1" applyAlignment="1" applyProtection="1">
      <alignment horizontal="center" vertical="center"/>
      <protection locked="0"/>
    </xf>
    <xf numFmtId="0" fontId="108" fillId="0" borderId="5" xfId="6" applyNumberFormat="1" applyFont="1" applyFill="1" applyBorder="1" applyAlignment="1">
      <alignment horizontal="left" vertical="center"/>
    </xf>
    <xf numFmtId="0" fontId="108" fillId="0" borderId="6" xfId="6" applyNumberFormat="1" applyFont="1" applyFill="1" applyBorder="1" applyAlignment="1">
      <alignment horizontal="left" vertical="center"/>
    </xf>
    <xf numFmtId="0" fontId="108" fillId="0" borderId="8" xfId="0" applyFont="1" applyBorder="1" applyAlignment="1" applyProtection="1">
      <alignment horizontal="center" vertical="center"/>
      <protection locked="0"/>
    </xf>
    <xf numFmtId="0" fontId="108" fillId="0" borderId="5" xfId="0" applyFont="1" applyBorder="1" applyAlignment="1" applyProtection="1">
      <alignment horizontal="center" vertical="center"/>
      <protection locked="0"/>
    </xf>
    <xf numFmtId="0" fontId="108" fillId="0" borderId="5" xfId="0" applyFont="1" applyBorder="1" applyAlignment="1" applyProtection="1">
      <alignment horizontal="center" vertical="center"/>
      <protection hidden="1"/>
    </xf>
    <xf numFmtId="49" fontId="108" fillId="0" borderId="5" xfId="0" applyNumberFormat="1" applyFont="1" applyBorder="1" applyAlignment="1" applyProtection="1">
      <alignment horizontal="left" vertical="center" shrinkToFit="1"/>
      <protection locked="0"/>
    </xf>
    <xf numFmtId="0" fontId="108" fillId="0" borderId="5" xfId="0" applyFont="1" applyBorder="1" applyAlignment="1">
      <alignment horizontal="center" vertical="center"/>
    </xf>
    <xf numFmtId="0" fontId="108" fillId="0" borderId="110" xfId="0" applyFont="1" applyBorder="1" applyAlignment="1">
      <alignment horizontal="center" vertical="center"/>
    </xf>
    <xf numFmtId="0" fontId="114" fillId="0" borderId="210" xfId="0" applyFont="1" applyBorder="1" applyAlignment="1" applyProtection="1">
      <alignment horizontal="center" vertical="center"/>
      <protection locked="0"/>
    </xf>
    <xf numFmtId="0" fontId="30" fillId="0" borderId="23" xfId="0" applyFont="1" applyBorder="1" applyAlignment="1" applyProtection="1">
      <alignment horizontal="center" vertical="center" wrapText="1"/>
      <protection hidden="1"/>
    </xf>
    <xf numFmtId="0" fontId="105" fillId="0" borderId="1" xfId="0" applyFont="1" applyBorder="1" applyAlignment="1" applyProtection="1">
      <alignment horizontal="center" vertical="center" shrinkToFit="1"/>
      <protection hidden="1"/>
    </xf>
    <xf numFmtId="0" fontId="105" fillId="0" borderId="7" xfId="0" applyFont="1" applyBorder="1" applyAlignment="1" applyProtection="1">
      <alignment horizontal="center" vertical="center" shrinkToFit="1"/>
      <protection hidden="1"/>
    </xf>
    <xf numFmtId="0" fontId="105" fillId="0" borderId="2" xfId="0" applyFont="1" applyBorder="1" applyAlignment="1" applyProtection="1">
      <alignment horizontal="center" vertical="center" shrinkToFit="1"/>
      <protection hidden="1"/>
    </xf>
    <xf numFmtId="0" fontId="110" fillId="0" borderId="216" xfId="0" applyFont="1" applyBorder="1" applyAlignment="1" applyProtection="1">
      <alignment horizontal="center" vertical="center" shrinkToFit="1"/>
      <protection locked="0"/>
    </xf>
    <xf numFmtId="0" fontId="110" fillId="0" borderId="176" xfId="0" applyFont="1" applyBorder="1" applyAlignment="1" applyProtection="1">
      <alignment horizontal="center" vertical="center" shrinkToFit="1"/>
      <protection locked="0"/>
    </xf>
    <xf numFmtId="0" fontId="110" fillId="0" borderId="179" xfId="0" applyFont="1" applyBorder="1" applyAlignment="1" applyProtection="1">
      <alignment horizontal="center" vertical="center" shrinkToFit="1"/>
      <protection locked="0"/>
    </xf>
    <xf numFmtId="0" fontId="108" fillId="6" borderId="1" xfId="0" applyFont="1" applyFill="1" applyBorder="1">
      <alignment vertical="center"/>
    </xf>
    <xf numFmtId="0" fontId="30" fillId="0" borderId="23" xfId="0" applyFont="1" applyBorder="1" applyAlignment="1" applyProtection="1">
      <alignment horizontal="center" vertical="center"/>
      <protection hidden="1"/>
    </xf>
    <xf numFmtId="0" fontId="105" fillId="0" borderId="23" xfId="0" applyFont="1" applyBorder="1" applyAlignment="1" applyProtection="1">
      <alignment horizontal="center" vertical="center"/>
      <protection hidden="1"/>
    </xf>
    <xf numFmtId="0" fontId="108" fillId="6" borderId="211" xfId="0" applyFont="1" applyFill="1" applyBorder="1">
      <alignment vertical="center"/>
    </xf>
    <xf numFmtId="0" fontId="108" fillId="6" borderId="212" xfId="0" applyFont="1" applyFill="1" applyBorder="1">
      <alignment vertical="center"/>
    </xf>
    <xf numFmtId="0" fontId="110" fillId="0" borderId="175" xfId="0" applyFont="1" applyBorder="1" applyAlignment="1" applyProtection="1">
      <alignment horizontal="center" vertical="center" shrinkToFit="1"/>
      <protection locked="0"/>
    </xf>
    <xf numFmtId="0" fontId="110" fillId="0" borderId="215" xfId="0" applyFont="1" applyBorder="1" applyAlignment="1" applyProtection="1">
      <alignment horizontal="center" vertical="center" shrinkToFit="1"/>
      <protection locked="0"/>
    </xf>
    <xf numFmtId="0" fontId="121" fillId="0" borderId="0" xfId="0" applyFont="1" applyAlignment="1">
      <alignment horizontal="left" vertical="center" wrapText="1"/>
    </xf>
    <xf numFmtId="0" fontId="95" fillId="48" borderId="0" xfId="0" applyFont="1" applyFill="1" applyAlignment="1">
      <alignment horizontal="center" vertical="center" wrapText="1"/>
    </xf>
    <xf numFmtId="0" fontId="88" fillId="43" borderId="0" xfId="0" applyFont="1" applyFill="1" applyAlignment="1">
      <alignment horizontal="left" vertical="center"/>
    </xf>
    <xf numFmtId="0" fontId="88" fillId="44" borderId="0" xfId="0" applyFont="1" applyFill="1" applyAlignment="1">
      <alignment horizontal="left" vertical="center"/>
    </xf>
    <xf numFmtId="0" fontId="88" fillId="45" borderId="0" xfId="0" applyFont="1" applyFill="1" applyAlignment="1">
      <alignment horizontal="left" vertical="center"/>
    </xf>
    <xf numFmtId="0" fontId="88" fillId="40" borderId="0" xfId="0" applyFont="1" applyFill="1" applyAlignment="1">
      <alignment horizontal="left" vertical="center" wrapText="1"/>
    </xf>
    <xf numFmtId="0" fontId="88" fillId="41" borderId="0" xfId="0" applyFont="1" applyFill="1" applyAlignment="1">
      <alignment horizontal="left" vertical="center"/>
    </xf>
    <xf numFmtId="0" fontId="88" fillId="42" borderId="0" xfId="0" applyFont="1" applyFill="1" applyAlignment="1">
      <alignment horizontal="left" vertical="center"/>
    </xf>
    <xf numFmtId="0" fontId="95" fillId="46" borderId="0" xfId="0" applyFont="1" applyFill="1" applyAlignment="1">
      <alignment horizontal="center" vertical="center" wrapText="1"/>
    </xf>
  </cellXfs>
  <cellStyles count="142">
    <cellStyle name="20% - アクセント 1" xfId="94" builtinId="30" customBuiltin="1"/>
    <cellStyle name="20% - アクセント 1 2" xfId="122" xr:uid="{31762402-726D-4DA0-A8F5-23E406663D18}"/>
    <cellStyle name="20% - アクセント 2" xfId="98" builtinId="34" customBuiltin="1"/>
    <cellStyle name="20% - アクセント 2 2" xfId="125" xr:uid="{D1164ABB-B3EC-44CA-8117-14DA82FE130A}"/>
    <cellStyle name="20% - アクセント 3" xfId="102" builtinId="38" customBuiltin="1"/>
    <cellStyle name="20% - アクセント 3 2" xfId="128" xr:uid="{6B10C7D9-5868-4031-B869-5C1F493FAA5B}"/>
    <cellStyle name="20% - アクセント 4" xfId="106" builtinId="42" customBuiltin="1"/>
    <cellStyle name="20% - アクセント 4 2" xfId="131" xr:uid="{68BF2066-5AD3-435F-80AB-E977CF0DEEF0}"/>
    <cellStyle name="20% - アクセント 5" xfId="110" builtinId="46" customBuiltin="1"/>
    <cellStyle name="20% - アクセント 5 2" xfId="134" xr:uid="{7AAC146A-41E9-4D59-9D2E-96D656DF7563}"/>
    <cellStyle name="20% - アクセント 6" xfId="114" builtinId="50" customBuiltin="1"/>
    <cellStyle name="20% - アクセント 6 2" xfId="137" xr:uid="{FB2EAFEA-265D-4EB2-AC00-B733827E2D95}"/>
    <cellStyle name="40% - アクセント 1" xfId="95" builtinId="31" customBuiltin="1"/>
    <cellStyle name="40% - アクセント 1 2" xfId="123" xr:uid="{F81D35AA-DCAE-4EFA-9621-27B9ED153FCC}"/>
    <cellStyle name="40% - アクセント 2" xfId="99" builtinId="35" customBuiltin="1"/>
    <cellStyle name="40% - アクセント 2 2" xfId="126" xr:uid="{F106989C-983A-4479-BE4B-72A8EBB6D0CE}"/>
    <cellStyle name="40% - アクセント 3" xfId="103" builtinId="39" customBuiltin="1"/>
    <cellStyle name="40% - アクセント 3 2" xfId="129" xr:uid="{A786E27B-8594-4B90-9002-FADE626218C4}"/>
    <cellStyle name="40% - アクセント 4" xfId="107" builtinId="43" customBuiltin="1"/>
    <cellStyle name="40% - アクセント 4 2" xfId="132" xr:uid="{819961A5-3056-4390-AD35-9315916E9F5E}"/>
    <cellStyle name="40% - アクセント 5" xfId="111" builtinId="47" customBuiltin="1"/>
    <cellStyle name="40% - アクセント 5 2" xfId="135" xr:uid="{74F2700B-53DB-4CBA-9B36-6B8DBC26D73B}"/>
    <cellStyle name="40% - アクセント 6" xfId="115" builtinId="51" customBuiltin="1"/>
    <cellStyle name="40% - アクセント 6 2" xfId="138" xr:uid="{D83B6BB7-347D-45B9-AA31-BC09FF5774F8}"/>
    <cellStyle name="60% - アクセント 1" xfId="96" builtinId="32" customBuiltin="1"/>
    <cellStyle name="60% - アクセント 1 2" xfId="124" xr:uid="{61B5C277-22F2-4E60-A057-97AE7313C903}"/>
    <cellStyle name="60% - アクセント 2" xfId="100" builtinId="36" customBuiltin="1"/>
    <cellStyle name="60% - アクセント 2 2" xfId="127" xr:uid="{932E834D-4054-4BEA-A383-3E082B5FFED1}"/>
    <cellStyle name="60% - アクセント 3" xfId="104" builtinId="40" customBuiltin="1"/>
    <cellStyle name="60% - アクセント 3 2" xfId="130" xr:uid="{4D914BA1-205B-4E40-BE16-8432C902C27F}"/>
    <cellStyle name="60% - アクセント 4" xfId="108" builtinId="44" customBuiltin="1"/>
    <cellStyle name="60% - アクセント 4 2" xfId="133" xr:uid="{A06B21DF-AB1B-44AA-B773-B56BA813668B}"/>
    <cellStyle name="60% - アクセント 5" xfId="112" builtinId="48" customBuiltin="1"/>
    <cellStyle name="60% - アクセント 5 2" xfId="136" xr:uid="{43E6CF15-E1F7-4F57-8301-494E9B8AF4B1}"/>
    <cellStyle name="60% - アクセント 6" xfId="116" builtinId="52" customBuiltin="1"/>
    <cellStyle name="60% - アクセント 6 2" xfId="139" xr:uid="{AC3A144B-6FB9-4C4C-B031-7089F43DBE83}"/>
    <cellStyle name="アクセント 1" xfId="93" builtinId="29" customBuiltin="1"/>
    <cellStyle name="アクセント 2" xfId="97" builtinId="33" customBuiltin="1"/>
    <cellStyle name="アクセント 3" xfId="101" builtinId="37" customBuiltin="1"/>
    <cellStyle name="アクセント 4" xfId="105" builtinId="41" customBuiltin="1"/>
    <cellStyle name="アクセント 5" xfId="109" builtinId="45" customBuiltin="1"/>
    <cellStyle name="アクセント 6" xfId="113" builtinId="49" customBuiltin="1"/>
    <cellStyle name="タイトル" xfId="77" builtinId="15" customBuiltin="1"/>
    <cellStyle name="チェック セル" xfId="89" builtinId="23" customBuiltin="1"/>
    <cellStyle name="どちらでもない" xfId="84" builtinId="28" customBuiltin="1"/>
    <cellStyle name="パーセント 2" xfId="1" xr:uid="{00000000-0005-0000-0000-000000000000}"/>
    <cellStyle name="パーセント 2 2" xfId="2" xr:uid="{00000000-0005-0000-0000-000001000000}"/>
    <cellStyle name="パーセント 2 2 2" xfId="3" xr:uid="{00000000-0005-0000-0000-000002000000}"/>
    <cellStyle name="パーセント 2 3" xfId="4" xr:uid="{00000000-0005-0000-0000-000003000000}"/>
    <cellStyle name="ハイパーリンク 2" xfId="5" xr:uid="{00000000-0005-0000-0000-000004000000}"/>
    <cellStyle name="メモ 2" xfId="119" xr:uid="{96ABF234-4813-4BC5-B2AD-6FD2EE108AFB}"/>
    <cellStyle name="メモ 3" xfId="121" xr:uid="{C98FF4DE-E921-4202-8E13-B34F807B5DF9}"/>
    <cellStyle name="リンク セル" xfId="88" builtinId="24" customBuiltin="1"/>
    <cellStyle name="悪い" xfId="83" builtinId="27" customBuiltin="1"/>
    <cellStyle name="計算" xfId="87" builtinId="22" customBuiltin="1"/>
    <cellStyle name="警告文" xfId="90" builtinId="11" customBuiltin="1"/>
    <cellStyle name="桁区切り" xfId="141" builtinId="6"/>
    <cellStyle name="桁区切り 2" xfId="6" xr:uid="{00000000-0005-0000-0000-000006000000}"/>
    <cellStyle name="桁区切り 2 2" xfId="7" xr:uid="{00000000-0005-0000-0000-000007000000}"/>
    <cellStyle name="桁区切り 2 2 2" xfId="8" xr:uid="{00000000-0005-0000-0000-000008000000}"/>
    <cellStyle name="桁区切り 2 2 3" xfId="73" xr:uid="{00000000-0005-0000-0000-000009000000}"/>
    <cellStyle name="桁区切り 2 3" xfId="9" xr:uid="{00000000-0005-0000-0000-00000A000000}"/>
    <cellStyle name="桁区切り 2 3 2" xfId="10" xr:uid="{00000000-0005-0000-0000-00000B000000}"/>
    <cellStyle name="桁区切り 2 3 2 2" xfId="11" xr:uid="{00000000-0005-0000-0000-00000C000000}"/>
    <cellStyle name="桁区切り 2 4" xfId="12" xr:uid="{00000000-0005-0000-0000-00000D000000}"/>
    <cellStyle name="桁区切り 2 4 2" xfId="13" xr:uid="{00000000-0005-0000-0000-00000E000000}"/>
    <cellStyle name="桁区切り 2 5" xfId="14" xr:uid="{00000000-0005-0000-0000-00000F000000}"/>
    <cellStyle name="桁区切り 2 6" xfId="15" xr:uid="{00000000-0005-0000-0000-000010000000}"/>
    <cellStyle name="桁区切り 3" xfId="16" xr:uid="{00000000-0005-0000-0000-000011000000}"/>
    <cellStyle name="桁区切り 3 2" xfId="17" xr:uid="{00000000-0005-0000-0000-000012000000}"/>
    <cellStyle name="桁区切り 3 2 2" xfId="18" xr:uid="{00000000-0005-0000-0000-000013000000}"/>
    <cellStyle name="桁区切り 3 3" xfId="19" xr:uid="{00000000-0005-0000-0000-000014000000}"/>
    <cellStyle name="桁区切り 3 4" xfId="20" xr:uid="{00000000-0005-0000-0000-000015000000}"/>
    <cellStyle name="桁区切り 4" xfId="76" xr:uid="{2C43C205-2528-45DE-8FC1-1CF39BBBE962}"/>
    <cellStyle name="桁区切り 7" xfId="74" xr:uid="{00000000-0005-0000-0000-000016000000}"/>
    <cellStyle name="見出し 1" xfId="78" builtinId="16" customBuiltin="1"/>
    <cellStyle name="見出し 2" xfId="79" builtinId="17" customBuiltin="1"/>
    <cellStyle name="見出し 3" xfId="80" builtinId="18" customBuiltin="1"/>
    <cellStyle name="見出し 4" xfId="81" builtinId="19" customBuiltin="1"/>
    <cellStyle name="集計" xfId="92" builtinId="25" customBuiltin="1"/>
    <cellStyle name="出力" xfId="86" builtinId="21" customBuiltin="1"/>
    <cellStyle name="説明文" xfId="91" builtinId="53" customBuiltin="1"/>
    <cellStyle name="入力" xfId="85" builtinId="20" customBuiltin="1"/>
    <cellStyle name="標準" xfId="0" builtinId="0"/>
    <cellStyle name="標準 10" xfId="75" xr:uid="{00000000-0005-0000-0000-000018000000}"/>
    <cellStyle name="標準 11" xfId="118" xr:uid="{B7997AEC-A7FA-4F5B-A64E-49854E600E44}"/>
    <cellStyle name="標準 12" xfId="120" xr:uid="{CAA93D6D-57AE-47FB-BA07-9400BA7C747D}"/>
    <cellStyle name="標準 13" xfId="140" xr:uid="{124558C5-B055-4A93-A9B1-EEBDB33B1C31}"/>
    <cellStyle name="標準 2" xfId="21" xr:uid="{00000000-0005-0000-0000-000019000000}"/>
    <cellStyle name="標準 2 2" xfId="22" xr:uid="{00000000-0005-0000-0000-00001A000000}"/>
    <cellStyle name="標準 2 2 2" xfId="23" xr:uid="{00000000-0005-0000-0000-00001B000000}"/>
    <cellStyle name="標準 2 2 2 2" xfId="24" xr:uid="{00000000-0005-0000-0000-00001C000000}"/>
    <cellStyle name="標準 2 2 2 2 2" xfId="25" xr:uid="{00000000-0005-0000-0000-00001D000000}"/>
    <cellStyle name="標準 2 2 2_【H26建材(補正)】申請書式（個人集合）0325" xfId="26" xr:uid="{00000000-0005-0000-0000-00001E000000}"/>
    <cellStyle name="標準 2 2 3" xfId="27" xr:uid="{00000000-0005-0000-0000-00001F000000}"/>
    <cellStyle name="標準 2 2 3 2" xfId="28" xr:uid="{00000000-0005-0000-0000-000020000000}"/>
    <cellStyle name="標準 2 2 3 3" xfId="29" xr:uid="{00000000-0005-0000-0000-000021000000}"/>
    <cellStyle name="標準 2 2 3_【H26建材(補正)】申請書式（個人集合）0325" xfId="30" xr:uid="{00000000-0005-0000-0000-000022000000}"/>
    <cellStyle name="標準 2 2 4" xfId="31" xr:uid="{00000000-0005-0000-0000-000023000000}"/>
    <cellStyle name="標準 2 2 4 2" xfId="32" xr:uid="{00000000-0005-0000-0000-000024000000}"/>
    <cellStyle name="標準 2 2_(見本)【ガラス】対象製品申請リスト_20130624" xfId="33" xr:uid="{00000000-0005-0000-0000-000025000000}"/>
    <cellStyle name="標準 2 3" xfId="34" xr:uid="{00000000-0005-0000-0000-000026000000}"/>
    <cellStyle name="標準 2 3 2" xfId="35" xr:uid="{00000000-0005-0000-0000-000027000000}"/>
    <cellStyle name="標準 2 3 3" xfId="36" xr:uid="{00000000-0005-0000-0000-000028000000}"/>
    <cellStyle name="標準 2 3 3 2" xfId="37" xr:uid="{00000000-0005-0000-0000-000029000000}"/>
    <cellStyle name="標準 2 3_【H26建材(補正)】申請書式（個人集合）0325" xfId="38" xr:uid="{00000000-0005-0000-0000-00002A000000}"/>
    <cellStyle name="標準 2 4" xfId="39" xr:uid="{00000000-0005-0000-0000-00002B000000}"/>
    <cellStyle name="標準 2 4 2" xfId="40" xr:uid="{00000000-0005-0000-0000-00002C000000}"/>
    <cellStyle name="標準 2 4 2 2" xfId="41" xr:uid="{00000000-0005-0000-0000-00002D000000}"/>
    <cellStyle name="標準 2 4_【H26建材(補正)】申請書式（個人集合）0325" xfId="42" xr:uid="{00000000-0005-0000-0000-00002E000000}"/>
    <cellStyle name="標準 2 5" xfId="43" xr:uid="{00000000-0005-0000-0000-00002F000000}"/>
    <cellStyle name="標準 2 5 2" xfId="44" xr:uid="{00000000-0005-0000-0000-000030000000}"/>
    <cellStyle name="標準 2 5 2 2" xfId="45" xr:uid="{00000000-0005-0000-0000-000031000000}"/>
    <cellStyle name="標準 2 5 2 3" xfId="46" xr:uid="{00000000-0005-0000-0000-000032000000}"/>
    <cellStyle name="標準 2 5 2_【H26建材(補正)】申請書式（個人集合）0325" xfId="47" xr:uid="{00000000-0005-0000-0000-000033000000}"/>
    <cellStyle name="標準 2 5 3" xfId="48" xr:uid="{00000000-0005-0000-0000-000034000000}"/>
    <cellStyle name="標準 2 5 4" xfId="49" xr:uid="{00000000-0005-0000-0000-000035000000}"/>
    <cellStyle name="標準 2 5 5" xfId="50" xr:uid="{00000000-0005-0000-0000-000036000000}"/>
    <cellStyle name="標準 2 5_【H26建材(補正)】申請書式（個人集合）0325" xfId="51" xr:uid="{00000000-0005-0000-0000-000037000000}"/>
    <cellStyle name="標準 2 6" xfId="52" xr:uid="{00000000-0005-0000-0000-000038000000}"/>
    <cellStyle name="標準 2_【H26建材(補正)】申請書式（個人集合）0325" xfId="53" xr:uid="{00000000-0005-0000-0000-000039000000}"/>
    <cellStyle name="標準 3" xfId="54" xr:uid="{00000000-0005-0000-0000-00003A000000}"/>
    <cellStyle name="標準 3 2" xfId="55" xr:uid="{00000000-0005-0000-0000-00003B000000}"/>
    <cellStyle name="標準 3 2 2" xfId="56" xr:uid="{00000000-0005-0000-0000-00003C000000}"/>
    <cellStyle name="標準 3 2_【H26建材(補正)】申請書式（個人集合）0325" xfId="57" xr:uid="{00000000-0005-0000-0000-00003D000000}"/>
    <cellStyle name="標準 3_【H26建材(補正)】申請書式（個人集合）0325" xfId="58" xr:uid="{00000000-0005-0000-0000-00003E000000}"/>
    <cellStyle name="標準 4" xfId="59" xr:uid="{00000000-0005-0000-0000-00003F000000}"/>
    <cellStyle name="標準 4 2" xfId="60" xr:uid="{00000000-0005-0000-0000-000040000000}"/>
    <cellStyle name="標準 4 3" xfId="61" xr:uid="{00000000-0005-0000-0000-000041000000}"/>
    <cellStyle name="標準 4_【H26建材(補正)】申請書式（個人集合）0325" xfId="62" xr:uid="{00000000-0005-0000-0000-000042000000}"/>
    <cellStyle name="標準 5" xfId="63" xr:uid="{00000000-0005-0000-0000-000043000000}"/>
    <cellStyle name="標準 5 2" xfId="64" xr:uid="{00000000-0005-0000-0000-000044000000}"/>
    <cellStyle name="標準 5 3" xfId="65" xr:uid="{00000000-0005-0000-0000-000045000000}"/>
    <cellStyle name="標準 5_【H26建材(補正)】申請書式（個人集合）0325" xfId="66" xr:uid="{00000000-0005-0000-0000-000046000000}"/>
    <cellStyle name="標準 6" xfId="67" xr:uid="{00000000-0005-0000-0000-000047000000}"/>
    <cellStyle name="標準 7" xfId="68" xr:uid="{00000000-0005-0000-0000-000048000000}"/>
    <cellStyle name="標準 7 2" xfId="69" xr:uid="{00000000-0005-0000-0000-000049000000}"/>
    <cellStyle name="標準 7 2 2" xfId="72" xr:uid="{00000000-0005-0000-0000-00004A000000}"/>
    <cellStyle name="標準 7_【H26建材(補正)】申請書式（個人集合）0325" xfId="70" xr:uid="{00000000-0005-0000-0000-00004B000000}"/>
    <cellStyle name="標準 8" xfId="71" xr:uid="{00000000-0005-0000-0000-00004C000000}"/>
    <cellStyle name="標準 9" xfId="117" xr:uid="{47D27602-0D48-42EB-9FB0-288CA0A3AEE6}"/>
    <cellStyle name="良い" xfId="82" builtinId="26" customBuiltin="1"/>
  </cellStyles>
  <dxfs count="102">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patternType="solid">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ont>
        <color rgb="FFFF0000"/>
      </font>
      <fill>
        <patternFill>
          <bgColor rgb="FFFFFFCC"/>
        </patternFill>
      </fill>
    </dxf>
    <dxf>
      <font>
        <color rgb="FFFF0000"/>
      </font>
      <fill>
        <patternFill>
          <bgColor rgb="FFFFFFCC"/>
        </patternFill>
      </fill>
    </dxf>
    <dxf>
      <fill>
        <patternFill>
          <bgColor rgb="FFFF0000"/>
        </patternFill>
      </fill>
    </dxf>
    <dxf>
      <fill>
        <patternFill>
          <bgColor rgb="FFFFFF99"/>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rgb="FFFFFF99"/>
        </patternFill>
      </fill>
    </dxf>
    <dxf>
      <fill>
        <patternFill>
          <bgColor theme="0" tint="-0.34998626667073579"/>
        </patternFill>
      </fill>
    </dxf>
    <dxf>
      <fill>
        <patternFill>
          <bgColor rgb="FFFFFF99"/>
        </patternFill>
      </fill>
    </dxf>
    <dxf>
      <fill>
        <patternFill>
          <bgColor rgb="FFFFFF99"/>
        </patternFill>
      </fill>
    </dxf>
    <dxf>
      <fill>
        <patternFill>
          <bgColor rgb="FFFFFF99"/>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00"/>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theme="0"/>
        </patternFill>
      </fill>
    </dxf>
    <dxf>
      <fill>
        <patternFill>
          <bgColor theme="0"/>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s>
  <tableStyles count="0" defaultTableStyle="TableStyleMedium9" defaultPivotStyle="PivotStyleLight16"/>
  <colors>
    <mruColors>
      <color rgb="FF0000FF"/>
      <color rgb="FFFFFF99"/>
      <color rgb="FFDD7FA5"/>
      <color rgb="FFFFFFCC"/>
      <color rgb="FF1C57AE"/>
      <color rgb="FF685865"/>
      <color rgb="FF9BBB59"/>
      <color rgb="FF8064A2"/>
      <color rgb="FFCCECFF"/>
      <color rgb="FFF2F2F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eetMetadata" Target="metadata.xml"/></Relationships>
</file>

<file path=xl/drawings/drawing1.xml><?xml version="1.0" encoding="utf-8"?>
<xdr:wsDr xmlns:xdr="http://schemas.openxmlformats.org/drawingml/2006/spreadsheetDrawing" xmlns:a="http://schemas.openxmlformats.org/drawingml/2006/main">
  <xdr:twoCellAnchor>
    <xdr:from>
      <xdr:col>31</xdr:col>
      <xdr:colOff>81640</xdr:colOff>
      <xdr:row>19</xdr:row>
      <xdr:rowOff>446314</xdr:rowOff>
    </xdr:from>
    <xdr:to>
      <xdr:col>37</xdr:col>
      <xdr:colOff>2718</xdr:colOff>
      <xdr:row>20</xdr:row>
      <xdr:rowOff>247649</xdr:rowOff>
    </xdr:to>
    <xdr:sp macro="" textlink="">
      <xdr:nvSpPr>
        <xdr:cNvPr id="16" name="正方形/長方形 15">
          <a:extLst>
            <a:ext uri="{FF2B5EF4-FFF2-40B4-BE49-F238E27FC236}">
              <a16:creationId xmlns:a16="http://schemas.microsoft.com/office/drawing/2014/main" id="{CBB3AFF6-918D-4393-B461-C9139CE5B125}"/>
            </a:ext>
          </a:extLst>
        </xdr:cNvPr>
        <xdr:cNvSpPr/>
      </xdr:nvSpPr>
      <xdr:spPr>
        <a:xfrm>
          <a:off x="3118754" y="5573485"/>
          <a:ext cx="508907" cy="2911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endParaRPr kumimoji="1" lang="ja-JP" altLang="en-US" sz="1000">
            <a:solidFill>
              <a:schemeClr val="bg1">
                <a:lumMod val="50000"/>
              </a:schemeClr>
            </a:solidFill>
          </a:endParaRPr>
        </a:p>
      </xdr:txBody>
    </xdr:sp>
    <xdr:clientData/>
  </xdr:twoCellAnchor>
  <xdr:twoCellAnchor>
    <xdr:from>
      <xdr:col>83</xdr:col>
      <xdr:colOff>65314</xdr:colOff>
      <xdr:row>2</xdr:row>
      <xdr:rowOff>32657</xdr:rowOff>
    </xdr:from>
    <xdr:to>
      <xdr:col>91</xdr:col>
      <xdr:colOff>43659</xdr:colOff>
      <xdr:row>2</xdr:row>
      <xdr:rowOff>346950</xdr:rowOff>
    </xdr:to>
    <xdr:sp macro="" textlink="">
      <xdr:nvSpPr>
        <xdr:cNvPr id="17" name="角丸四角形 58">
          <a:extLst>
            <a:ext uri="{FF2B5EF4-FFF2-40B4-BE49-F238E27FC236}">
              <a16:creationId xmlns:a16="http://schemas.microsoft.com/office/drawing/2014/main" id="{06893C68-7DF3-4C5C-85CC-BFF460BDA501}"/>
            </a:ext>
          </a:extLst>
        </xdr:cNvPr>
        <xdr:cNvSpPr/>
      </xdr:nvSpPr>
      <xdr:spPr>
        <a:xfrm>
          <a:off x="8287294" y="1320437"/>
          <a:ext cx="770825" cy="314293"/>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twoCellAnchor>
    <xdr:from>
      <xdr:col>96</xdr:col>
      <xdr:colOff>380999</xdr:colOff>
      <xdr:row>0</xdr:row>
      <xdr:rowOff>119743</xdr:rowOff>
    </xdr:from>
    <xdr:to>
      <xdr:col>121</xdr:col>
      <xdr:colOff>32656</xdr:colOff>
      <xdr:row>2</xdr:row>
      <xdr:rowOff>326572</xdr:rowOff>
    </xdr:to>
    <xdr:sp macro="" textlink="">
      <xdr:nvSpPr>
        <xdr:cNvPr id="22" name="テキスト ボックス 69">
          <a:extLst>
            <a:ext uri="{FF2B5EF4-FFF2-40B4-BE49-F238E27FC236}">
              <a16:creationId xmlns:a16="http://schemas.microsoft.com/office/drawing/2014/main" id="{D081F6F8-F4AE-4590-8C20-38A5207C0082}"/>
            </a:ext>
          </a:extLst>
        </xdr:cNvPr>
        <xdr:cNvSpPr txBox="1"/>
      </xdr:nvSpPr>
      <xdr:spPr>
        <a:xfrm>
          <a:off x="13465628" y="119743"/>
          <a:ext cx="5399314" cy="1491343"/>
        </a:xfrm>
        <a:prstGeom prst="rect">
          <a:avLst/>
        </a:prstGeom>
        <a:solidFill>
          <a:schemeClr val="accent2">
            <a:lumMod val="20000"/>
            <a:lumOff val="80000"/>
          </a:schemeClr>
        </a:solidFill>
        <a:ln w="34925" cmpd="dbl">
          <a:solidFill>
            <a:srgbClr val="FF0000"/>
          </a:solidFill>
        </a:ln>
      </xdr:spPr>
      <xdr:style>
        <a:lnRef idx="0">
          <a:scrgbClr r="0" g="0" b="0"/>
        </a:lnRef>
        <a:fillRef idx="0">
          <a:scrgbClr r="0" g="0" b="0"/>
        </a:fillRef>
        <a:effectRef idx="0">
          <a:scrgbClr r="0" g="0" b="0"/>
        </a:effectRef>
        <a:fontRef idx="minor">
          <a:schemeClr val="dk1"/>
        </a:fontRef>
      </xdr:style>
      <xdr:txBody>
        <a:bodyPr wrap="square" rtlCol="0" anchor="ctr"/>
        <a:lstStyle>
          <a:defPPr>
            <a:defRPr lang="ja-JP"/>
          </a:defPPr>
          <a:lvl1pPr marL="0" algn="l" defTabSz="912617" rtl="0" eaLnBrk="1" latinLnBrk="0" hangingPunct="1">
            <a:defRPr kumimoji="1" sz="1800" kern="1200">
              <a:solidFill>
                <a:schemeClr val="dk1"/>
              </a:solidFill>
              <a:latin typeface="+mn-lt"/>
              <a:ea typeface="+mn-ea"/>
              <a:cs typeface="+mn-cs"/>
            </a:defRPr>
          </a:lvl1pPr>
          <a:lvl2pPr marL="456306" algn="l" defTabSz="912617" rtl="0" eaLnBrk="1" latinLnBrk="0" hangingPunct="1">
            <a:defRPr kumimoji="1" sz="1800" kern="1200">
              <a:solidFill>
                <a:schemeClr val="dk1"/>
              </a:solidFill>
              <a:latin typeface="+mn-lt"/>
              <a:ea typeface="+mn-ea"/>
              <a:cs typeface="+mn-cs"/>
            </a:defRPr>
          </a:lvl2pPr>
          <a:lvl3pPr marL="912617" algn="l" defTabSz="912617" rtl="0" eaLnBrk="1" latinLnBrk="0" hangingPunct="1">
            <a:defRPr kumimoji="1" sz="1800" kern="1200">
              <a:solidFill>
                <a:schemeClr val="dk1"/>
              </a:solidFill>
              <a:latin typeface="+mn-lt"/>
              <a:ea typeface="+mn-ea"/>
              <a:cs typeface="+mn-cs"/>
            </a:defRPr>
          </a:lvl3pPr>
          <a:lvl4pPr marL="1368919" algn="l" defTabSz="912617" rtl="0" eaLnBrk="1" latinLnBrk="0" hangingPunct="1">
            <a:defRPr kumimoji="1" sz="1800" kern="1200">
              <a:solidFill>
                <a:schemeClr val="dk1"/>
              </a:solidFill>
              <a:latin typeface="+mn-lt"/>
              <a:ea typeface="+mn-ea"/>
              <a:cs typeface="+mn-cs"/>
            </a:defRPr>
          </a:lvl4pPr>
          <a:lvl5pPr marL="1825227" algn="l" defTabSz="912617" rtl="0" eaLnBrk="1" latinLnBrk="0" hangingPunct="1">
            <a:defRPr kumimoji="1" sz="1800" kern="1200">
              <a:solidFill>
                <a:schemeClr val="dk1"/>
              </a:solidFill>
              <a:latin typeface="+mn-lt"/>
              <a:ea typeface="+mn-ea"/>
              <a:cs typeface="+mn-cs"/>
            </a:defRPr>
          </a:lvl5pPr>
          <a:lvl6pPr marL="2281531" algn="l" defTabSz="912617" rtl="0" eaLnBrk="1" latinLnBrk="0" hangingPunct="1">
            <a:defRPr kumimoji="1" sz="1800" kern="1200">
              <a:solidFill>
                <a:schemeClr val="dk1"/>
              </a:solidFill>
              <a:latin typeface="+mn-lt"/>
              <a:ea typeface="+mn-ea"/>
              <a:cs typeface="+mn-cs"/>
            </a:defRPr>
          </a:lvl6pPr>
          <a:lvl7pPr marL="2737835" algn="l" defTabSz="912617" rtl="0" eaLnBrk="1" latinLnBrk="0" hangingPunct="1">
            <a:defRPr kumimoji="1" sz="1800" kern="1200">
              <a:solidFill>
                <a:schemeClr val="dk1"/>
              </a:solidFill>
              <a:latin typeface="+mn-lt"/>
              <a:ea typeface="+mn-ea"/>
              <a:cs typeface="+mn-cs"/>
            </a:defRPr>
          </a:lvl7pPr>
          <a:lvl8pPr marL="3194140" algn="l" defTabSz="912617" rtl="0" eaLnBrk="1" latinLnBrk="0" hangingPunct="1">
            <a:defRPr kumimoji="1" sz="1800" kern="1200">
              <a:solidFill>
                <a:schemeClr val="dk1"/>
              </a:solidFill>
              <a:latin typeface="+mn-lt"/>
              <a:ea typeface="+mn-ea"/>
              <a:cs typeface="+mn-cs"/>
            </a:defRPr>
          </a:lvl8pPr>
          <a:lvl9pPr marL="3650454" algn="l" defTabSz="912617" rtl="0" eaLnBrk="1" latinLnBrk="0" hangingPunct="1">
            <a:defRPr kumimoji="1" sz="1800" kern="1200">
              <a:solidFill>
                <a:schemeClr val="dk1"/>
              </a:solidFill>
              <a:latin typeface="+mn-lt"/>
              <a:ea typeface="+mn-ea"/>
              <a:cs typeface="+mn-cs"/>
            </a:defRPr>
          </a:lvl9pPr>
        </a:lstStyle>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実績報告書は、</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事業完了日から起算して</a:t>
          </a:r>
          <a:r>
            <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14</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日又は以下の</a:t>
          </a:r>
          <a:endPar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提出期限のいずれか早い日の</a:t>
          </a:r>
          <a:r>
            <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17</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時必着</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で提出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9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一次公募：</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2023</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年</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2</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月</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8</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日（金）</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二次公募：</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2024</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年</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月</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2</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日（金）</a:t>
          </a:r>
        </a:p>
      </xdr:txBody>
    </xdr:sp>
    <xdr:clientData/>
  </xdr:twoCellAnchor>
  <xdr:oneCellAnchor>
    <xdr:from>
      <xdr:col>96</xdr:col>
      <xdr:colOff>381000</xdr:colOff>
      <xdr:row>4</xdr:row>
      <xdr:rowOff>97972</xdr:rowOff>
    </xdr:from>
    <xdr:ext cx="5734844" cy="838200"/>
    <xdr:sp macro="" textlink="">
      <xdr:nvSpPr>
        <xdr:cNvPr id="23" name="吹き出し: 四角形 22">
          <a:extLst>
            <a:ext uri="{FF2B5EF4-FFF2-40B4-BE49-F238E27FC236}">
              <a16:creationId xmlns:a16="http://schemas.microsoft.com/office/drawing/2014/main" id="{21301F5D-9EAC-4E23-95A1-2D9C528A91D4}"/>
            </a:ext>
          </a:extLst>
        </xdr:cNvPr>
        <xdr:cNvSpPr/>
      </xdr:nvSpPr>
      <xdr:spPr>
        <a:xfrm>
          <a:off x="13465629" y="1872343"/>
          <a:ext cx="5734844" cy="838200"/>
        </a:xfrm>
        <a:prstGeom prst="wedgeRectCallout">
          <a:avLst>
            <a:gd name="adj1" fmla="val -54509"/>
            <a:gd name="adj2" fmla="val -49947"/>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書類の作成日は、事業完了日以降の日付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200">
              <a:solidFill>
                <a:srgbClr val="0000FF"/>
              </a:solidFill>
              <a:latin typeface="HGｺﾞｼｯｸM" panose="020B0609000000000000" pitchFamily="49" charset="-128"/>
              <a:ea typeface="HGｺﾞｼｯｸM" panose="020B0609000000000000" pitchFamily="49" charset="-128"/>
            </a:rPr>
            <a:t>　</a:t>
          </a:r>
          <a:r>
            <a:rPr kumimoji="1" lang="en-US" altLang="ja-JP" sz="1200">
              <a:solidFill>
                <a:srgbClr val="0000FF"/>
              </a:solidFill>
              <a:latin typeface="HGｺﾞｼｯｸM" panose="020B0609000000000000" pitchFamily="49" charset="-128"/>
              <a:ea typeface="HGｺﾞｼｯｸM" panose="020B0609000000000000" pitchFamily="49" charset="-128"/>
            </a:rPr>
            <a:t>※</a:t>
          </a:r>
          <a:r>
            <a:rPr kumimoji="1" lang="ja-JP" altLang="en-US" sz="1200">
              <a:solidFill>
                <a:srgbClr val="0000FF"/>
              </a:solidFill>
              <a:latin typeface="HGｺﾞｼｯｸM" panose="020B0609000000000000" pitchFamily="49" charset="-128"/>
              <a:ea typeface="HGｺﾞｼｯｸM" panose="020B0609000000000000" pitchFamily="49" charset="-128"/>
            </a:rPr>
            <a:t>事業完了日とは、本事業に係る一連の工事が完了した日もしくは</a:t>
          </a:r>
          <a:endParaRPr kumimoji="1" lang="en-US" altLang="ja-JP" sz="12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200">
              <a:solidFill>
                <a:srgbClr val="0000FF"/>
              </a:solidFill>
              <a:latin typeface="HGｺﾞｼｯｸM" panose="020B0609000000000000" pitchFamily="49" charset="-128"/>
              <a:ea typeface="HGｺﾞｼｯｸM" panose="020B0609000000000000" pitchFamily="49" charset="-128"/>
            </a:rPr>
            <a:t>　　支払いが完了した日（入金受領日）のいずれか遅い日。</a:t>
          </a:r>
          <a:endParaRPr kumimoji="1" lang="ja-JP" altLang="en-US"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22513</xdr:colOff>
      <xdr:row>60</xdr:row>
      <xdr:rowOff>348339</xdr:rowOff>
    </xdr:from>
    <xdr:ext cx="6596743" cy="1025922"/>
    <xdr:sp macro="" textlink="">
      <xdr:nvSpPr>
        <xdr:cNvPr id="26" name="吹き出し: 四角形 25">
          <a:extLst>
            <a:ext uri="{FF2B5EF4-FFF2-40B4-BE49-F238E27FC236}">
              <a16:creationId xmlns:a16="http://schemas.microsoft.com/office/drawing/2014/main" id="{6EE6C793-1E33-42F3-9F96-47AD052E7C4D}"/>
            </a:ext>
          </a:extLst>
        </xdr:cNvPr>
        <xdr:cNvSpPr/>
      </xdr:nvSpPr>
      <xdr:spPr>
        <a:xfrm>
          <a:off x="13607142" y="18059396"/>
          <a:ext cx="6596743" cy="1025922"/>
        </a:xfrm>
        <a:prstGeom prst="wedgeRectCallout">
          <a:avLst>
            <a:gd name="adj1" fmla="val -56061"/>
            <a:gd name="adj2" fmla="val -3981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通知書」に記載された補助金の額が上限額となります。</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総括表の補助金交付算定額（Ｅ）と交付決定通知書の補助金の額（Ｆ）</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のいずれか低い金額が自動計算で転記されます。</a:t>
          </a:r>
        </a:p>
      </xdr:txBody>
    </xdr:sp>
    <xdr:clientData/>
  </xdr:oneCellAnchor>
  <xdr:oneCellAnchor>
    <xdr:from>
      <xdr:col>96</xdr:col>
      <xdr:colOff>522502</xdr:colOff>
      <xdr:row>65</xdr:row>
      <xdr:rowOff>216627</xdr:rowOff>
    </xdr:from>
    <xdr:ext cx="6172212" cy="559127"/>
    <xdr:sp macro="" textlink="">
      <xdr:nvSpPr>
        <xdr:cNvPr id="27" name="吹き出し: 四角形 26">
          <a:extLst>
            <a:ext uri="{FF2B5EF4-FFF2-40B4-BE49-F238E27FC236}">
              <a16:creationId xmlns:a16="http://schemas.microsoft.com/office/drawing/2014/main" id="{E4A302AF-E263-47F2-9419-91CF25D8DD66}"/>
            </a:ext>
          </a:extLst>
        </xdr:cNvPr>
        <xdr:cNvSpPr/>
      </xdr:nvSpPr>
      <xdr:spPr>
        <a:xfrm>
          <a:off x="9535873" y="19125113"/>
          <a:ext cx="6172212" cy="559127"/>
        </a:xfrm>
        <a:prstGeom prst="wedgeRectCallout">
          <a:avLst>
            <a:gd name="adj1" fmla="val -55268"/>
            <a:gd name="adj2" fmla="val -2635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本事業に係る契約先について、記載内容を確認の上、チェック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入れ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twoCellAnchor>
    <xdr:from>
      <xdr:col>16</xdr:col>
      <xdr:colOff>10886</xdr:colOff>
      <xdr:row>23</xdr:row>
      <xdr:rowOff>19050</xdr:rowOff>
    </xdr:from>
    <xdr:to>
      <xdr:col>22</xdr:col>
      <xdr:colOff>21772</xdr:colOff>
      <xdr:row>23</xdr:row>
      <xdr:rowOff>174171</xdr:rowOff>
    </xdr:to>
    <xdr:sp macro="" textlink="">
      <xdr:nvSpPr>
        <xdr:cNvPr id="28" name="正方形/長方形 27">
          <a:extLst>
            <a:ext uri="{FF2B5EF4-FFF2-40B4-BE49-F238E27FC236}">
              <a16:creationId xmlns:a16="http://schemas.microsoft.com/office/drawing/2014/main" id="{498AAF83-3CE2-4CB9-9CB1-537102776174}"/>
            </a:ext>
          </a:extLst>
        </xdr:cNvPr>
        <xdr:cNvSpPr/>
      </xdr:nvSpPr>
      <xdr:spPr>
        <a:xfrm>
          <a:off x="1578429" y="6920593"/>
          <a:ext cx="598714" cy="15512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7</xdr:col>
      <xdr:colOff>87087</xdr:colOff>
      <xdr:row>23</xdr:row>
      <xdr:rowOff>0</xdr:rowOff>
    </xdr:from>
    <xdr:to>
      <xdr:col>44</xdr:col>
      <xdr:colOff>87087</xdr:colOff>
      <xdr:row>23</xdr:row>
      <xdr:rowOff>174171</xdr:rowOff>
    </xdr:to>
    <xdr:sp macro="" textlink="">
      <xdr:nvSpPr>
        <xdr:cNvPr id="29" name="正方形/長方形 28">
          <a:extLst>
            <a:ext uri="{FF2B5EF4-FFF2-40B4-BE49-F238E27FC236}">
              <a16:creationId xmlns:a16="http://schemas.microsoft.com/office/drawing/2014/main" id="{78A28DAC-F8F3-48EB-950D-42641B082446}"/>
            </a:ext>
          </a:extLst>
        </xdr:cNvPr>
        <xdr:cNvSpPr/>
      </xdr:nvSpPr>
      <xdr:spPr>
        <a:xfrm>
          <a:off x="3712030" y="6901543"/>
          <a:ext cx="685800" cy="17417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44562</xdr:colOff>
      <xdr:row>23</xdr:row>
      <xdr:rowOff>321</xdr:rowOff>
    </xdr:from>
    <xdr:to>
      <xdr:col>78</xdr:col>
      <xdr:colOff>21771</xdr:colOff>
      <xdr:row>23</xdr:row>
      <xdr:rowOff>163286</xdr:rowOff>
    </xdr:to>
    <xdr:sp macro="" textlink="">
      <xdr:nvSpPr>
        <xdr:cNvPr id="30" name="正方形/長方形 29">
          <a:extLst>
            <a:ext uri="{FF2B5EF4-FFF2-40B4-BE49-F238E27FC236}">
              <a16:creationId xmlns:a16="http://schemas.microsoft.com/office/drawing/2014/main" id="{6FADA99D-9048-47F9-B1DA-ACA54D86C1B6}"/>
            </a:ext>
          </a:extLst>
        </xdr:cNvPr>
        <xdr:cNvSpPr/>
      </xdr:nvSpPr>
      <xdr:spPr>
        <a:xfrm>
          <a:off x="6804591" y="6901864"/>
          <a:ext cx="858951" cy="16296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6</xdr:col>
      <xdr:colOff>32656</xdr:colOff>
      <xdr:row>37</xdr:row>
      <xdr:rowOff>19050</xdr:rowOff>
    </xdr:from>
    <xdr:to>
      <xdr:col>21</xdr:col>
      <xdr:colOff>97970</xdr:colOff>
      <xdr:row>37</xdr:row>
      <xdr:rowOff>174172</xdr:rowOff>
    </xdr:to>
    <xdr:sp macro="" textlink="">
      <xdr:nvSpPr>
        <xdr:cNvPr id="31" name="正方形/長方形 30">
          <a:extLst>
            <a:ext uri="{FF2B5EF4-FFF2-40B4-BE49-F238E27FC236}">
              <a16:creationId xmlns:a16="http://schemas.microsoft.com/office/drawing/2014/main" id="{39476206-CD09-410F-BDB8-C1DB95387239}"/>
            </a:ext>
          </a:extLst>
        </xdr:cNvPr>
        <xdr:cNvSpPr/>
      </xdr:nvSpPr>
      <xdr:spPr>
        <a:xfrm>
          <a:off x="1600199" y="12309021"/>
          <a:ext cx="555171" cy="15512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9</xdr:col>
      <xdr:colOff>0</xdr:colOff>
      <xdr:row>37</xdr:row>
      <xdr:rowOff>21772</xdr:rowOff>
    </xdr:from>
    <xdr:to>
      <xdr:col>45</xdr:col>
      <xdr:colOff>1</xdr:colOff>
      <xdr:row>37</xdr:row>
      <xdr:rowOff>174172</xdr:rowOff>
    </xdr:to>
    <xdr:sp macro="" textlink="">
      <xdr:nvSpPr>
        <xdr:cNvPr id="32" name="正方形/長方形 31">
          <a:extLst>
            <a:ext uri="{FF2B5EF4-FFF2-40B4-BE49-F238E27FC236}">
              <a16:creationId xmlns:a16="http://schemas.microsoft.com/office/drawing/2014/main" id="{980AE365-BD0B-4803-A533-F0A4137685DE}"/>
            </a:ext>
          </a:extLst>
        </xdr:cNvPr>
        <xdr:cNvSpPr/>
      </xdr:nvSpPr>
      <xdr:spPr>
        <a:xfrm>
          <a:off x="3820886" y="12311743"/>
          <a:ext cx="587829" cy="1524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33679</xdr:colOff>
      <xdr:row>37</xdr:row>
      <xdr:rowOff>11206</xdr:rowOff>
    </xdr:from>
    <xdr:to>
      <xdr:col>77</xdr:col>
      <xdr:colOff>76202</xdr:colOff>
      <xdr:row>37</xdr:row>
      <xdr:rowOff>163286</xdr:rowOff>
    </xdr:to>
    <xdr:sp macro="" textlink="">
      <xdr:nvSpPr>
        <xdr:cNvPr id="33" name="正方形/長方形 32">
          <a:extLst>
            <a:ext uri="{FF2B5EF4-FFF2-40B4-BE49-F238E27FC236}">
              <a16:creationId xmlns:a16="http://schemas.microsoft.com/office/drawing/2014/main" id="{9690FC21-D352-4F27-A889-BA42616897D6}"/>
            </a:ext>
          </a:extLst>
        </xdr:cNvPr>
        <xdr:cNvSpPr/>
      </xdr:nvSpPr>
      <xdr:spPr>
        <a:xfrm>
          <a:off x="6793708" y="12301177"/>
          <a:ext cx="826294" cy="15208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0</xdr:col>
      <xdr:colOff>94161</xdr:colOff>
      <xdr:row>30</xdr:row>
      <xdr:rowOff>10887</xdr:rowOff>
    </xdr:from>
    <xdr:to>
      <xdr:col>13</xdr:col>
      <xdr:colOff>0</xdr:colOff>
      <xdr:row>30</xdr:row>
      <xdr:rowOff>185059</xdr:rowOff>
    </xdr:to>
    <xdr:sp macro="" textlink="">
      <xdr:nvSpPr>
        <xdr:cNvPr id="34" name="正方形/長方形 33">
          <a:extLst>
            <a:ext uri="{FF2B5EF4-FFF2-40B4-BE49-F238E27FC236}">
              <a16:creationId xmlns:a16="http://schemas.microsoft.com/office/drawing/2014/main" id="{23A46920-460D-4452-A83D-7D7BB244B52F}"/>
            </a:ext>
          </a:extLst>
        </xdr:cNvPr>
        <xdr:cNvSpPr/>
      </xdr:nvSpPr>
      <xdr:spPr>
        <a:xfrm>
          <a:off x="1073875" y="9481458"/>
          <a:ext cx="199754" cy="17417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28</xdr:col>
      <xdr:colOff>85999</xdr:colOff>
      <xdr:row>29</xdr:row>
      <xdr:rowOff>493121</xdr:rowOff>
    </xdr:from>
    <xdr:to>
      <xdr:col>31</xdr:col>
      <xdr:colOff>0</xdr:colOff>
      <xdr:row>30</xdr:row>
      <xdr:rowOff>174172</xdr:rowOff>
    </xdr:to>
    <xdr:sp macro="" textlink="">
      <xdr:nvSpPr>
        <xdr:cNvPr id="35" name="正方形/長方形 34">
          <a:extLst>
            <a:ext uri="{FF2B5EF4-FFF2-40B4-BE49-F238E27FC236}">
              <a16:creationId xmlns:a16="http://schemas.microsoft.com/office/drawing/2014/main" id="{A61EEC23-CAC3-4F0A-90EC-E7FC36B2871D}"/>
            </a:ext>
          </a:extLst>
        </xdr:cNvPr>
        <xdr:cNvSpPr/>
      </xdr:nvSpPr>
      <xdr:spPr>
        <a:xfrm>
          <a:off x="2829199" y="9462950"/>
          <a:ext cx="207915" cy="1817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twoCellAnchor>
    <xdr:from>
      <xdr:col>11</xdr:col>
      <xdr:colOff>7075</xdr:colOff>
      <xdr:row>33</xdr:row>
      <xdr:rowOff>489857</xdr:rowOff>
    </xdr:from>
    <xdr:to>
      <xdr:col>12</xdr:col>
      <xdr:colOff>87087</xdr:colOff>
      <xdr:row>34</xdr:row>
      <xdr:rowOff>174171</xdr:rowOff>
    </xdr:to>
    <xdr:sp macro="" textlink="">
      <xdr:nvSpPr>
        <xdr:cNvPr id="36" name="正方形/長方形 35">
          <a:extLst>
            <a:ext uri="{FF2B5EF4-FFF2-40B4-BE49-F238E27FC236}">
              <a16:creationId xmlns:a16="http://schemas.microsoft.com/office/drawing/2014/main" id="{A6B74F29-42B1-4469-9731-2365F3C38B3E}"/>
            </a:ext>
          </a:extLst>
        </xdr:cNvPr>
        <xdr:cNvSpPr/>
      </xdr:nvSpPr>
      <xdr:spPr>
        <a:xfrm>
          <a:off x="1084761" y="11244943"/>
          <a:ext cx="177983" cy="18505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16</xdr:col>
      <xdr:colOff>10886</xdr:colOff>
      <xdr:row>32</xdr:row>
      <xdr:rowOff>8164</xdr:rowOff>
    </xdr:from>
    <xdr:to>
      <xdr:col>21</xdr:col>
      <xdr:colOff>87086</xdr:colOff>
      <xdr:row>32</xdr:row>
      <xdr:rowOff>163285</xdr:rowOff>
    </xdr:to>
    <xdr:sp macro="" textlink="">
      <xdr:nvSpPr>
        <xdr:cNvPr id="37" name="正方形/長方形 36">
          <a:extLst>
            <a:ext uri="{FF2B5EF4-FFF2-40B4-BE49-F238E27FC236}">
              <a16:creationId xmlns:a16="http://schemas.microsoft.com/office/drawing/2014/main" id="{2FE87A66-416D-4EDE-97FB-8953CA3DCF2C}"/>
            </a:ext>
          </a:extLst>
        </xdr:cNvPr>
        <xdr:cNvSpPr/>
      </xdr:nvSpPr>
      <xdr:spPr>
        <a:xfrm>
          <a:off x="1578429" y="10262507"/>
          <a:ext cx="566057" cy="15512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8</xdr:col>
      <xdr:colOff>76203</xdr:colOff>
      <xdr:row>32</xdr:row>
      <xdr:rowOff>0</xdr:rowOff>
    </xdr:from>
    <xdr:to>
      <xdr:col>45</xdr:col>
      <xdr:colOff>65317</xdr:colOff>
      <xdr:row>32</xdr:row>
      <xdr:rowOff>163286</xdr:rowOff>
    </xdr:to>
    <xdr:sp macro="" textlink="">
      <xdr:nvSpPr>
        <xdr:cNvPr id="38" name="正方形/長方形 37">
          <a:extLst>
            <a:ext uri="{FF2B5EF4-FFF2-40B4-BE49-F238E27FC236}">
              <a16:creationId xmlns:a16="http://schemas.microsoft.com/office/drawing/2014/main" id="{DAF04CBD-AAB7-48F8-A122-DFE2046C746C}"/>
            </a:ext>
          </a:extLst>
        </xdr:cNvPr>
        <xdr:cNvSpPr/>
      </xdr:nvSpPr>
      <xdr:spPr>
        <a:xfrm>
          <a:off x="3799117" y="10254343"/>
          <a:ext cx="674914" cy="16328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22793</xdr:colOff>
      <xdr:row>32</xdr:row>
      <xdr:rowOff>11206</xdr:rowOff>
    </xdr:from>
    <xdr:to>
      <xdr:col>77</xdr:col>
      <xdr:colOff>87087</xdr:colOff>
      <xdr:row>32</xdr:row>
      <xdr:rowOff>174171</xdr:rowOff>
    </xdr:to>
    <xdr:sp macro="" textlink="">
      <xdr:nvSpPr>
        <xdr:cNvPr id="39" name="正方形/長方形 38">
          <a:extLst>
            <a:ext uri="{FF2B5EF4-FFF2-40B4-BE49-F238E27FC236}">
              <a16:creationId xmlns:a16="http://schemas.microsoft.com/office/drawing/2014/main" id="{E0351EAA-84FF-4F70-9F94-3635F3D30EE0}"/>
            </a:ext>
          </a:extLst>
        </xdr:cNvPr>
        <xdr:cNvSpPr/>
      </xdr:nvSpPr>
      <xdr:spPr>
        <a:xfrm>
          <a:off x="6782822" y="10265549"/>
          <a:ext cx="848065" cy="16296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29</xdr:col>
      <xdr:colOff>9800</xdr:colOff>
      <xdr:row>34</xdr:row>
      <xdr:rowOff>0</xdr:rowOff>
    </xdr:from>
    <xdr:to>
      <xdr:col>30</xdr:col>
      <xdr:colOff>87085</xdr:colOff>
      <xdr:row>34</xdr:row>
      <xdr:rowOff>174172</xdr:rowOff>
    </xdr:to>
    <xdr:sp macro="" textlink="">
      <xdr:nvSpPr>
        <xdr:cNvPr id="40" name="正方形/長方形 39">
          <a:extLst>
            <a:ext uri="{FF2B5EF4-FFF2-40B4-BE49-F238E27FC236}">
              <a16:creationId xmlns:a16="http://schemas.microsoft.com/office/drawing/2014/main" id="{A40A5CFF-5E65-4BAC-B80B-E7ABF152D59B}"/>
            </a:ext>
          </a:extLst>
        </xdr:cNvPr>
        <xdr:cNvSpPr/>
      </xdr:nvSpPr>
      <xdr:spPr>
        <a:xfrm>
          <a:off x="2850971" y="11255829"/>
          <a:ext cx="175257" cy="17417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twoCellAnchor>
    <xdr:from>
      <xdr:col>11</xdr:col>
      <xdr:colOff>13607</xdr:colOff>
      <xdr:row>21</xdr:row>
      <xdr:rowOff>20410</xdr:rowOff>
    </xdr:from>
    <xdr:to>
      <xdr:col>13</xdr:col>
      <xdr:colOff>10885</xdr:colOff>
      <xdr:row>21</xdr:row>
      <xdr:rowOff>185057</xdr:rowOff>
    </xdr:to>
    <xdr:sp macro="" textlink="">
      <xdr:nvSpPr>
        <xdr:cNvPr id="41" name="正方形/長方形 40">
          <a:extLst>
            <a:ext uri="{FF2B5EF4-FFF2-40B4-BE49-F238E27FC236}">
              <a16:creationId xmlns:a16="http://schemas.microsoft.com/office/drawing/2014/main" id="{D4D76EE4-A84C-4544-AF5F-F49A63D6F143}"/>
            </a:ext>
          </a:extLst>
        </xdr:cNvPr>
        <xdr:cNvSpPr/>
      </xdr:nvSpPr>
      <xdr:spPr>
        <a:xfrm>
          <a:off x="1091293" y="6072867"/>
          <a:ext cx="193221" cy="16464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33</xdr:col>
      <xdr:colOff>5439</xdr:colOff>
      <xdr:row>21</xdr:row>
      <xdr:rowOff>29937</xdr:rowOff>
    </xdr:from>
    <xdr:to>
      <xdr:col>34</xdr:col>
      <xdr:colOff>87084</xdr:colOff>
      <xdr:row>21</xdr:row>
      <xdr:rowOff>185059</xdr:rowOff>
    </xdr:to>
    <xdr:sp macro="" textlink="">
      <xdr:nvSpPr>
        <xdr:cNvPr id="42" name="正方形/長方形 41">
          <a:extLst>
            <a:ext uri="{FF2B5EF4-FFF2-40B4-BE49-F238E27FC236}">
              <a16:creationId xmlns:a16="http://schemas.microsoft.com/office/drawing/2014/main" id="{AB8B0DD0-0C3E-4D83-B197-0C4FECB3FD8C}"/>
            </a:ext>
          </a:extLst>
        </xdr:cNvPr>
        <xdr:cNvSpPr/>
      </xdr:nvSpPr>
      <xdr:spPr>
        <a:xfrm>
          <a:off x="3238496" y="6082394"/>
          <a:ext cx="179617" cy="15512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oneCellAnchor>
    <xdr:from>
      <xdr:col>96</xdr:col>
      <xdr:colOff>532795</xdr:colOff>
      <xdr:row>28</xdr:row>
      <xdr:rowOff>2448</xdr:rowOff>
    </xdr:from>
    <xdr:ext cx="5922433" cy="1259319"/>
    <xdr:sp macro="" textlink="">
      <xdr:nvSpPr>
        <xdr:cNvPr id="44" name="吹き出し: 四角形 43">
          <a:extLst>
            <a:ext uri="{FF2B5EF4-FFF2-40B4-BE49-F238E27FC236}">
              <a16:creationId xmlns:a16="http://schemas.microsoft.com/office/drawing/2014/main" id="{4044225E-3778-40B4-BE60-A7CA24CD13D1}"/>
            </a:ext>
          </a:extLst>
        </xdr:cNvPr>
        <xdr:cNvSpPr/>
      </xdr:nvSpPr>
      <xdr:spPr>
        <a:xfrm>
          <a:off x="13723015" y="8574948"/>
          <a:ext cx="5922433" cy="1259319"/>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手続代行者がいる場合のみ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代表者氏名と役職名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都道府県から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00742</xdr:colOff>
      <xdr:row>22</xdr:row>
      <xdr:rowOff>163287</xdr:rowOff>
    </xdr:from>
    <xdr:ext cx="5932715" cy="1842352"/>
    <xdr:sp macro="" textlink="">
      <xdr:nvSpPr>
        <xdr:cNvPr id="45" name="吹き出し: 四角形 44">
          <a:extLst>
            <a:ext uri="{FF2B5EF4-FFF2-40B4-BE49-F238E27FC236}">
              <a16:creationId xmlns:a16="http://schemas.microsoft.com/office/drawing/2014/main" id="{EA0F5EFA-E480-4876-8345-AF76124EE209}"/>
            </a:ext>
          </a:extLst>
        </xdr:cNvPr>
        <xdr:cNvSpPr/>
      </xdr:nvSpPr>
      <xdr:spPr>
        <a:xfrm>
          <a:off x="13585371" y="7010401"/>
          <a:ext cx="5932715" cy="184235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b="1">
              <a:solidFill>
                <a:srgbClr val="FF0000"/>
              </a:solidFill>
              <a:latin typeface="HGｺﾞｼｯｸM" panose="020B0609000000000000" pitchFamily="49" charset="-128"/>
              <a:ea typeface="HGｺﾞｼｯｸM" panose="020B0609000000000000" pitchFamily="49" charset="-128"/>
            </a:rPr>
            <a:t>・交付額確定通知書等重要な通知の送付先となりますので、</a:t>
          </a:r>
        </a:p>
        <a:p>
          <a:pPr algn="l"/>
          <a:r>
            <a:rPr kumimoji="1" lang="ja-JP" altLang="en-US" sz="1400" b="1">
              <a:solidFill>
                <a:srgbClr val="FF0000"/>
              </a:solidFill>
              <a:latin typeface="HGｺﾞｼｯｸM" panose="020B0609000000000000" pitchFamily="49" charset="-128"/>
              <a:ea typeface="HGｺﾞｼｯｸM" panose="020B0609000000000000" pitchFamily="49" charset="-128"/>
            </a:rPr>
            <a:t>　記入した</a:t>
          </a:r>
          <a:r>
            <a:rPr kumimoji="1" lang="en-US" altLang="ja-JP" sz="1400" b="1">
              <a:solidFill>
                <a:srgbClr val="FF0000"/>
              </a:solidFill>
              <a:latin typeface="HGｺﾞｼｯｸM" panose="020B0609000000000000" pitchFamily="49" charset="-128"/>
              <a:ea typeface="HGｺﾞｼｯｸM" panose="020B0609000000000000" pitchFamily="49" charset="-128"/>
            </a:rPr>
            <a:t>E-mail</a:t>
          </a:r>
          <a:r>
            <a:rPr kumimoji="1" lang="ja-JP" altLang="en-US" sz="1400" b="1">
              <a:solidFill>
                <a:srgbClr val="FF0000"/>
              </a:solidFill>
              <a:latin typeface="HGｺﾞｼｯｸM" panose="020B0609000000000000" pitchFamily="49" charset="-128"/>
              <a:ea typeface="HGｺﾞｼｯｸM" panose="020B0609000000000000" pitchFamily="49" charset="-128"/>
            </a:rPr>
            <a:t>アドレスが正しいことを必ず確認してください。</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a:t>
          </a:r>
          <a:r>
            <a:rPr kumimoji="1" lang="en-US" altLang="ja-JP" sz="1400" b="0">
              <a:solidFill>
                <a:srgbClr val="FF0000"/>
              </a:solidFill>
              <a:latin typeface="HGｺﾞｼｯｸM" panose="020B0609000000000000" pitchFamily="49" charset="-128"/>
              <a:ea typeface="HGｺﾞｼｯｸM" panose="020B0609000000000000" pitchFamily="49" charset="-128"/>
            </a:rPr>
            <a:t>E-mail</a:t>
          </a:r>
          <a:r>
            <a:rPr kumimoji="1" lang="ja-JP" altLang="en-US" sz="1400" b="0">
              <a:solidFill>
                <a:srgbClr val="FF0000"/>
              </a:solidFill>
              <a:latin typeface="HGｺﾞｼｯｸM" panose="020B0609000000000000" pitchFamily="49" charset="-128"/>
              <a:ea typeface="HGｺﾞｼｯｸM" panose="020B0609000000000000" pitchFamily="49" charset="-128"/>
            </a:rPr>
            <a:t>アドレスの記入間違いにより、個人情報の漏洩となって</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　しまう可能性がございますので、ご注意ください。</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a:t>
          </a:r>
          <a:r>
            <a:rPr kumimoji="1" lang="en-US" altLang="ja-JP" sz="1400" b="0">
              <a:solidFill>
                <a:srgbClr val="FF0000"/>
              </a:solidFill>
              <a:latin typeface="HGｺﾞｼｯｸM" panose="020B0609000000000000" pitchFamily="49" charset="-128"/>
              <a:ea typeface="HGｺﾞｼｯｸM" panose="020B0609000000000000" pitchFamily="49" charset="-128"/>
            </a:rPr>
            <a:t>E-mail</a:t>
          </a:r>
          <a:r>
            <a:rPr kumimoji="1" lang="ja-JP" altLang="en-US" sz="1400" b="0">
              <a:solidFill>
                <a:srgbClr val="FF0000"/>
              </a:solidFill>
              <a:latin typeface="HGｺﾞｼｯｸM" panose="020B0609000000000000" pitchFamily="49" charset="-128"/>
              <a:ea typeface="HGｺﾞｼｯｸM" panose="020B0609000000000000" pitchFamily="49" charset="-128"/>
            </a:rPr>
            <a:t>アドレスのご確認後、「□→■」を選択してください。</a:t>
          </a:r>
        </a:p>
        <a:p>
          <a:pPr algn="l"/>
          <a:endParaRPr kumimoji="1" lang="en-US" altLang="ja-JP" sz="1400" b="1">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b="0">
              <a:solidFill>
                <a:srgbClr val="0000FF"/>
              </a:solidFill>
              <a:latin typeface="HGｺﾞｼｯｸM" panose="020B0609000000000000" pitchFamily="49" charset="-128"/>
              <a:ea typeface="HGｺﾞｼｯｸM" panose="020B0609000000000000" pitchFamily="49" charset="-128"/>
            </a:rPr>
            <a:t>・電話番号（携帯番号でも可）は必ず記入してください。</a:t>
          </a:r>
        </a:p>
      </xdr:txBody>
    </xdr:sp>
    <xdr:clientData/>
  </xdr:oneCellAnchor>
  <xdr:oneCellAnchor>
    <xdr:from>
      <xdr:col>96</xdr:col>
      <xdr:colOff>566057</xdr:colOff>
      <xdr:row>31</xdr:row>
      <xdr:rowOff>141516</xdr:rowOff>
    </xdr:from>
    <xdr:ext cx="5955960" cy="3264504"/>
    <xdr:sp macro="" textlink="">
      <xdr:nvSpPr>
        <xdr:cNvPr id="46" name="吹き出し: 四角形 45">
          <a:extLst>
            <a:ext uri="{FF2B5EF4-FFF2-40B4-BE49-F238E27FC236}">
              <a16:creationId xmlns:a16="http://schemas.microsoft.com/office/drawing/2014/main" id="{967350E0-D62B-45D4-ACCF-32175F9EA62E}"/>
            </a:ext>
          </a:extLst>
        </xdr:cNvPr>
        <xdr:cNvSpPr/>
      </xdr:nvSpPr>
      <xdr:spPr>
        <a:xfrm>
          <a:off x="13650686" y="10341430"/>
          <a:ext cx="5955960" cy="3264504"/>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FF0000"/>
              </a:solidFill>
              <a:latin typeface="HGｺﾞｼｯｸM" panose="020B0609000000000000" pitchFamily="49" charset="-128"/>
              <a:ea typeface="HGｺﾞｼｯｸM" panose="020B0609000000000000" pitchFamily="49" charset="-128"/>
            </a:rPr>
            <a:t>・問合せ等で確実に対応できる実務担当者を記入してください。</a:t>
          </a:r>
          <a:endParaRPr kumimoji="1" lang="en-US" altLang="ja-JP" sz="1400">
            <a:solidFill>
              <a:srgbClr val="FF0000"/>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都道府県から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ja-JP" altLang="en-US"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担当者住所が代表者住所と同一の場合は「□→■」を</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選択してください。</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担当者住所の入力は不要です。</a:t>
          </a:r>
          <a:r>
            <a:rPr kumimoji="1" lang="en-US" altLang="ja-JP" sz="1400">
              <a:solidFill>
                <a:srgbClr val="0000FF"/>
              </a:solidFill>
              <a:latin typeface="HGｺﾞｼｯｸM" panose="020B0609000000000000" pitchFamily="49" charset="-128"/>
              <a:ea typeface="HGｺﾞｼｯｸM" panose="020B0609000000000000" pitchFamily="49" charset="-128"/>
            </a:rPr>
            <a:t>)</a:t>
          </a:r>
          <a:endParaRPr kumimoji="1" lang="ja-JP" altLang="en-US"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緊急時に連絡が取れる連絡先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a:t>
          </a:r>
          <a:r>
            <a:rPr kumimoji="1" lang="en-US" altLang="ja-JP" sz="1400">
              <a:solidFill>
                <a:srgbClr val="0000FF"/>
              </a:solidFill>
              <a:latin typeface="HGｺﾞｼｯｸM" panose="020B0609000000000000" pitchFamily="49" charset="-128"/>
              <a:ea typeface="HGｺﾞｼｯｸM" panose="020B0609000000000000" pitchFamily="49" charset="-128"/>
            </a:rPr>
            <a:t>E-mail</a:t>
          </a:r>
          <a:r>
            <a:rPr kumimoji="1" lang="ja-JP" altLang="en-US" sz="1400">
              <a:solidFill>
                <a:srgbClr val="0000FF"/>
              </a:solidFill>
              <a:latin typeface="HGｺﾞｼｯｸM" panose="020B0609000000000000" pitchFamily="49" charset="-128"/>
              <a:ea typeface="HGｺﾞｼｯｸM" panose="020B0609000000000000" pitchFamily="49" charset="-128"/>
            </a:rPr>
            <a:t>アドレスをお持ちの場合、必ず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a:t>
          </a:r>
          <a:r>
            <a:rPr kumimoji="1" lang="en-US" altLang="ja-JP" sz="1400">
              <a:solidFill>
                <a:srgbClr val="FF0000"/>
              </a:solidFill>
              <a:latin typeface="HGｺﾞｼｯｸM" panose="020B0609000000000000" pitchFamily="49" charset="-128"/>
              <a:ea typeface="HGｺﾞｼｯｸM" panose="020B0609000000000000" pitchFamily="49" charset="-128"/>
            </a:rPr>
            <a:t>E-mail</a:t>
          </a:r>
          <a:r>
            <a:rPr kumimoji="1" lang="ja-JP" altLang="en-US" sz="1400">
              <a:solidFill>
                <a:srgbClr val="FF0000"/>
              </a:solidFill>
              <a:latin typeface="HGｺﾞｼｯｸM" panose="020B0609000000000000" pitchFamily="49" charset="-128"/>
              <a:ea typeface="HGｺﾞｼｯｸM" panose="020B0609000000000000" pitchFamily="49" charset="-128"/>
            </a:rPr>
            <a:t>アドレスの記入間違いにより、個人情報の漏洩となって</a:t>
          </a: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　しまう可能性がございますので、ご注意ください。</a:t>
          </a: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a:t>
          </a:r>
          <a:r>
            <a:rPr kumimoji="1" lang="en-US" altLang="ja-JP" sz="1400">
              <a:solidFill>
                <a:srgbClr val="FF0000"/>
              </a:solidFill>
              <a:latin typeface="HGｺﾞｼｯｸM" panose="020B0609000000000000" pitchFamily="49" charset="-128"/>
              <a:ea typeface="HGｺﾞｼｯｸM" panose="020B0609000000000000" pitchFamily="49" charset="-128"/>
            </a:rPr>
            <a:t>E-mail</a:t>
          </a:r>
          <a:r>
            <a:rPr kumimoji="1" lang="ja-JP" altLang="en-US" sz="1400">
              <a:solidFill>
                <a:srgbClr val="FF0000"/>
              </a:solidFill>
              <a:latin typeface="HGｺﾞｼｯｸM" panose="020B0609000000000000" pitchFamily="49" charset="-128"/>
              <a:ea typeface="HGｺﾞｼｯｸM" panose="020B0609000000000000" pitchFamily="49" charset="-128"/>
            </a:rPr>
            <a:t>アドレスのご確認後、「□→■」を選択してください。</a:t>
          </a:r>
        </a:p>
      </xdr:txBody>
    </xdr:sp>
    <xdr:clientData/>
  </xdr:oneCellAnchor>
  <xdr:oneCellAnchor>
    <xdr:from>
      <xdr:col>96</xdr:col>
      <xdr:colOff>468086</xdr:colOff>
      <xdr:row>21</xdr:row>
      <xdr:rowOff>288890</xdr:rowOff>
    </xdr:from>
    <xdr:ext cx="5932714" cy="325730"/>
    <xdr:sp macro="" textlink="">
      <xdr:nvSpPr>
        <xdr:cNvPr id="50" name="吹き出し: 四角形 49">
          <a:extLst>
            <a:ext uri="{FF2B5EF4-FFF2-40B4-BE49-F238E27FC236}">
              <a16:creationId xmlns:a16="http://schemas.microsoft.com/office/drawing/2014/main" id="{F495790B-E05B-4057-846B-A50814F02A86}"/>
            </a:ext>
          </a:extLst>
        </xdr:cNvPr>
        <xdr:cNvSpPr/>
      </xdr:nvSpPr>
      <xdr:spPr>
        <a:xfrm>
          <a:off x="13552715" y="6569947"/>
          <a:ext cx="5932714" cy="325730"/>
        </a:xfrm>
        <a:prstGeom prst="wedgeRectCallout">
          <a:avLst>
            <a:gd name="adj1" fmla="val -54944"/>
            <a:gd name="adj2" fmla="val -6975"/>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申請した住宅の住所を都道府県から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22514</xdr:colOff>
      <xdr:row>47</xdr:row>
      <xdr:rowOff>65314</xdr:rowOff>
    </xdr:from>
    <xdr:ext cx="6208059" cy="1726114"/>
    <xdr:sp macro="" textlink="">
      <xdr:nvSpPr>
        <xdr:cNvPr id="51" name="吹き出し: 四角形 50">
          <a:extLst>
            <a:ext uri="{FF2B5EF4-FFF2-40B4-BE49-F238E27FC236}">
              <a16:creationId xmlns:a16="http://schemas.microsoft.com/office/drawing/2014/main" id="{2B723532-833A-4287-B3D0-25352C9817D4}"/>
            </a:ext>
          </a:extLst>
        </xdr:cNvPr>
        <xdr:cNvSpPr/>
      </xdr:nvSpPr>
      <xdr:spPr>
        <a:xfrm>
          <a:off x="13607143" y="15827828"/>
          <a:ext cx="6208059" cy="1726114"/>
        </a:xfrm>
        <a:prstGeom prst="wedgeRectCallout">
          <a:avLst>
            <a:gd name="adj1" fmla="val -54806"/>
            <a:gd name="adj2" fmla="val -21363"/>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事業完了日（本事業に係る一連の工事が完了した日もしくは</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支払いが完了した日</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入金受領日</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のいずれか遅い日）を記入</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1</a:t>
          </a:r>
          <a:r>
            <a:rPr kumimoji="1" lang="ja-JP" altLang="en-US" sz="1400">
              <a:solidFill>
                <a:srgbClr val="0000FF"/>
              </a:solidFill>
              <a:latin typeface="HGｺﾞｼｯｸM" panose="020B0609000000000000" pitchFamily="49" charset="-128"/>
              <a:ea typeface="HGｺﾞｼｯｸM" panose="020B0609000000000000" pitchFamily="49" charset="-128"/>
            </a:rPr>
            <a:t>）　工事完了：</a:t>
          </a:r>
          <a:r>
            <a:rPr kumimoji="1" lang="en-US" altLang="ja-JP" sz="1400">
              <a:solidFill>
                <a:srgbClr val="0000FF"/>
              </a:solidFill>
              <a:latin typeface="HGｺﾞｼｯｸM" panose="020B0609000000000000" pitchFamily="49" charset="-128"/>
              <a:ea typeface="HGｺﾞｼｯｸM" panose="020B0609000000000000" pitchFamily="49" charset="-128"/>
            </a:rPr>
            <a:t>12/4</a:t>
          </a:r>
          <a:r>
            <a:rPr kumimoji="1" lang="ja-JP" altLang="en-US" sz="1400">
              <a:solidFill>
                <a:srgbClr val="0000FF"/>
              </a:solidFill>
              <a:latin typeface="HGｺﾞｼｯｸM" panose="020B0609000000000000" pitchFamily="49" charset="-128"/>
              <a:ea typeface="HGｺﾞｼｯｸM" panose="020B0609000000000000" pitchFamily="49" charset="-128"/>
            </a:rPr>
            <a:t> 支払い完了：</a:t>
          </a:r>
          <a:r>
            <a:rPr kumimoji="1" lang="en-US" altLang="ja-JP" sz="1400">
              <a:solidFill>
                <a:srgbClr val="0000FF"/>
              </a:solidFill>
              <a:latin typeface="HGｺﾞｼｯｸM" panose="020B0609000000000000" pitchFamily="49" charset="-128"/>
              <a:ea typeface="HGｺﾞｼｯｸM" panose="020B0609000000000000" pitchFamily="49" charset="-128"/>
            </a:rPr>
            <a:t>12/5</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事業完了日は</a:t>
          </a:r>
          <a:r>
            <a:rPr kumimoji="1" lang="en-US" altLang="ja-JP" sz="1400" b="1">
              <a:solidFill>
                <a:srgbClr val="0000FF"/>
              </a:solidFill>
              <a:latin typeface="HGｺﾞｼｯｸM" panose="020B0609000000000000" pitchFamily="49" charset="-128"/>
              <a:ea typeface="HGｺﾞｼｯｸM" panose="020B0609000000000000" pitchFamily="49" charset="-128"/>
            </a:rPr>
            <a:t>12/5</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2</a:t>
          </a:r>
          <a:r>
            <a:rPr kumimoji="1" lang="ja-JP" altLang="en-US" sz="1400">
              <a:solidFill>
                <a:srgbClr val="0000FF"/>
              </a:solidFill>
              <a:latin typeface="HGｺﾞｼｯｸM" panose="020B0609000000000000" pitchFamily="49" charset="-128"/>
              <a:ea typeface="HGｺﾞｼｯｸM" panose="020B0609000000000000" pitchFamily="49" charset="-128"/>
            </a:rPr>
            <a:t>）　工事完了：</a:t>
          </a:r>
          <a:r>
            <a:rPr kumimoji="1" lang="en-US" altLang="ja-JP" sz="1400">
              <a:solidFill>
                <a:srgbClr val="0000FF"/>
              </a:solidFill>
              <a:latin typeface="HGｺﾞｼｯｸM" panose="020B0609000000000000" pitchFamily="49" charset="-128"/>
              <a:ea typeface="HGｺﾞｼｯｸM" panose="020B0609000000000000" pitchFamily="49" charset="-128"/>
            </a:rPr>
            <a:t>12/4</a:t>
          </a:r>
          <a:r>
            <a:rPr kumimoji="1" lang="ja-JP" altLang="en-US" sz="1400">
              <a:solidFill>
                <a:srgbClr val="0000FF"/>
              </a:solidFill>
              <a:latin typeface="HGｺﾞｼｯｸM" panose="020B0609000000000000" pitchFamily="49" charset="-128"/>
              <a:ea typeface="HGｺﾞｼｯｸM" panose="020B0609000000000000" pitchFamily="49" charset="-128"/>
            </a:rPr>
            <a:t>　支払い完了：</a:t>
          </a:r>
          <a:r>
            <a:rPr kumimoji="1" lang="en-US" altLang="ja-JP" sz="1400">
              <a:solidFill>
                <a:srgbClr val="0000FF"/>
              </a:solidFill>
              <a:latin typeface="HGｺﾞｼｯｸM" panose="020B0609000000000000" pitchFamily="49" charset="-128"/>
              <a:ea typeface="HGｺﾞｼｯｸM" panose="020B0609000000000000" pitchFamily="49" charset="-128"/>
            </a:rPr>
            <a:t>11/29</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事業完了日は</a:t>
          </a:r>
          <a:r>
            <a:rPr kumimoji="1" lang="en-US" altLang="ja-JP" sz="1400" b="1">
              <a:solidFill>
                <a:srgbClr val="0000FF"/>
              </a:solidFill>
              <a:latin typeface="HGｺﾞｼｯｸM" panose="020B0609000000000000" pitchFamily="49" charset="-128"/>
              <a:ea typeface="HGｺﾞｼｯｸM" panose="020B0609000000000000" pitchFamily="49" charset="-128"/>
            </a:rPr>
            <a:t>12/4</a:t>
          </a:r>
        </a:p>
      </xdr:txBody>
    </xdr:sp>
    <xdr:clientData/>
  </xdr:oneCellAnchor>
  <xdr:oneCellAnchor>
    <xdr:from>
      <xdr:col>96</xdr:col>
      <xdr:colOff>576943</xdr:colOff>
      <xdr:row>39</xdr:row>
      <xdr:rowOff>185057</xdr:rowOff>
    </xdr:from>
    <xdr:ext cx="6498777" cy="2155372"/>
    <xdr:sp macro="" textlink="">
      <xdr:nvSpPr>
        <xdr:cNvPr id="47" name="吹き出し: 四角形 46">
          <a:extLst>
            <a:ext uri="{FF2B5EF4-FFF2-40B4-BE49-F238E27FC236}">
              <a16:creationId xmlns:a16="http://schemas.microsoft.com/office/drawing/2014/main" id="{AC064E04-1DB9-4017-BAD7-33F40100D868}"/>
            </a:ext>
          </a:extLst>
        </xdr:cNvPr>
        <xdr:cNvSpPr/>
      </xdr:nvSpPr>
      <xdr:spPr>
        <a:xfrm>
          <a:off x="9590314" y="13476514"/>
          <a:ext cx="6498777" cy="2155372"/>
        </a:xfrm>
        <a:prstGeom prst="wedgeRectCallout">
          <a:avLst>
            <a:gd name="adj1" fmla="val -56707"/>
            <a:gd name="adj2" fmla="val 38445"/>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番号は、「交付決定通知書」に記載された交付決定番号の</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a:t>
          </a:r>
          <a:r>
            <a:rPr kumimoji="1" lang="en-US" altLang="ja-JP" sz="1400">
              <a:solidFill>
                <a:srgbClr val="0000FF"/>
              </a:solidFill>
              <a:latin typeface="HGｺﾞｼｯｸM" panose="020B0609000000000000" pitchFamily="49" charset="-128"/>
              <a:ea typeface="HGｺﾞｼｯｸM" panose="020B0609000000000000" pitchFamily="49" charset="-128"/>
            </a:rPr>
            <a:t>-A</a:t>
          </a:r>
          <a:r>
            <a:rPr kumimoji="1" lang="ja-JP" altLang="en-US" sz="1400">
              <a:solidFill>
                <a:srgbClr val="0000FF"/>
              </a:solidFill>
              <a:latin typeface="HGｺﾞｼｯｸM" panose="020B0609000000000000" pitchFamily="49" charset="-128"/>
              <a:ea typeface="HGｺﾞｼｯｸM" panose="020B0609000000000000" pitchFamily="49" charset="-128"/>
            </a:rPr>
            <a:t>」の前の数字</a:t>
          </a:r>
          <a:r>
            <a:rPr kumimoji="1" lang="en-US" altLang="ja-JP" sz="1400">
              <a:solidFill>
                <a:srgbClr val="0000FF"/>
              </a:solidFill>
              <a:latin typeface="HGｺﾞｼｯｸM" panose="020B0609000000000000" pitchFamily="49" charset="-128"/>
              <a:ea typeface="HGｺﾞｼｯｸM" panose="020B0609000000000000" pitchFamily="49" charset="-128"/>
            </a:rPr>
            <a:t>6</a:t>
          </a:r>
          <a:r>
            <a:rPr kumimoji="1" lang="ja-JP" altLang="en-US" sz="1400">
              <a:solidFill>
                <a:srgbClr val="0000FF"/>
              </a:solidFill>
              <a:latin typeface="HGｺﾞｼｯｸM" panose="020B0609000000000000" pitchFamily="49" charset="-128"/>
              <a:ea typeface="HGｺﾞｼｯｸM" panose="020B0609000000000000" pitchFamily="49" charset="-128"/>
            </a:rPr>
            <a:t>桁を記入してください。</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SII-BBA230-03-123456-A</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r>
            <a:rPr kumimoji="1" lang="en-US" altLang="ja-JP" sz="1400">
              <a:solidFill>
                <a:srgbClr val="0000FF"/>
              </a:solidFill>
              <a:latin typeface="HGｺﾞｼｯｸM" panose="020B0609000000000000" pitchFamily="49" charset="-128"/>
              <a:ea typeface="HGｺﾞｼｯｸM" panose="020B0609000000000000" pitchFamily="49" charset="-128"/>
            </a:rPr>
            <a:t>123456</a:t>
          </a:r>
          <a:r>
            <a:rPr kumimoji="1" lang="ja-JP" altLang="en-US" sz="1400">
              <a:solidFill>
                <a:srgbClr val="0000FF"/>
              </a:solidFill>
              <a:latin typeface="HGｺﾞｼｯｸM" panose="020B0609000000000000" pitchFamily="49" charset="-128"/>
              <a:ea typeface="HGｺﾞｼｯｸM" panose="020B0609000000000000" pitchFamily="49" charset="-128"/>
            </a:rPr>
            <a:t>」を記入</a:t>
          </a: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日は、「交付決定通知書」に記載された交付決定日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工事契約日は、工事請負契約書等に記載してある契約日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1</xdr:col>
      <xdr:colOff>121920</xdr:colOff>
      <xdr:row>1</xdr:row>
      <xdr:rowOff>30480</xdr:rowOff>
    </xdr:from>
    <xdr:to>
      <xdr:col>54</xdr:col>
      <xdr:colOff>191194</xdr:colOff>
      <xdr:row>1</xdr:row>
      <xdr:rowOff>345567</xdr:rowOff>
    </xdr:to>
    <xdr:sp macro="" textlink="">
      <xdr:nvSpPr>
        <xdr:cNvPr id="2" name="角丸四角形 58">
          <a:extLst>
            <a:ext uri="{FF2B5EF4-FFF2-40B4-BE49-F238E27FC236}">
              <a16:creationId xmlns:a16="http://schemas.microsoft.com/office/drawing/2014/main" id="{C6230271-F748-48EA-8ED1-A67241EA0DFD}"/>
            </a:ext>
          </a:extLst>
        </xdr:cNvPr>
        <xdr:cNvSpPr/>
      </xdr:nvSpPr>
      <xdr:spPr>
        <a:xfrm>
          <a:off x="12793980" y="228600"/>
          <a:ext cx="823654"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762000</xdr:colOff>
      <xdr:row>60</xdr:row>
      <xdr:rowOff>264080</xdr:rowOff>
    </xdr:from>
    <xdr:ext cx="8229600" cy="425822"/>
    <xdr:sp macro="" textlink="">
      <xdr:nvSpPr>
        <xdr:cNvPr id="4" name="吹き出し: 四角形 3">
          <a:extLst>
            <a:ext uri="{FF2B5EF4-FFF2-40B4-BE49-F238E27FC236}">
              <a16:creationId xmlns:a16="http://schemas.microsoft.com/office/drawing/2014/main" id="{3A2BF58F-7B1F-4AAA-9D1C-D4D427899752}"/>
            </a:ext>
          </a:extLst>
        </xdr:cNvPr>
        <xdr:cNvSpPr/>
      </xdr:nvSpPr>
      <xdr:spPr>
        <a:xfrm>
          <a:off x="14439900" y="17904380"/>
          <a:ext cx="8229600" cy="425822"/>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oneCellAnchor>
    <xdr:from>
      <xdr:col>59</xdr:col>
      <xdr:colOff>640080</xdr:colOff>
      <xdr:row>71</xdr:row>
      <xdr:rowOff>365760</xdr:rowOff>
    </xdr:from>
    <xdr:ext cx="9594415" cy="1426288"/>
    <xdr:sp macro="" textlink="">
      <xdr:nvSpPr>
        <xdr:cNvPr id="5" name="吹き出し: 四角形 4">
          <a:extLst>
            <a:ext uri="{FF2B5EF4-FFF2-40B4-BE49-F238E27FC236}">
              <a16:creationId xmlns:a16="http://schemas.microsoft.com/office/drawing/2014/main" id="{623CFBE4-8396-4171-8DE4-D04C5397AA6A}"/>
            </a:ext>
          </a:extLst>
        </xdr:cNvPr>
        <xdr:cNvSpPr/>
      </xdr:nvSpPr>
      <xdr:spPr>
        <a:xfrm>
          <a:off x="19202400" y="21457920"/>
          <a:ext cx="9594415" cy="1426288"/>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玄関ドアの情報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グレード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93995</xdr:colOff>
      <xdr:row>79</xdr:row>
      <xdr:rowOff>535677</xdr:rowOff>
    </xdr:from>
    <xdr:ext cx="9594415" cy="425822"/>
    <xdr:sp macro="" textlink="">
      <xdr:nvSpPr>
        <xdr:cNvPr id="6" name="吹き出し: 四角形 5">
          <a:extLst>
            <a:ext uri="{FF2B5EF4-FFF2-40B4-BE49-F238E27FC236}">
              <a16:creationId xmlns:a16="http://schemas.microsoft.com/office/drawing/2014/main" id="{FC71361C-2FF7-49E6-8601-EFE8A585264E}"/>
            </a:ext>
          </a:extLst>
        </xdr:cNvPr>
        <xdr:cNvSpPr/>
      </xdr:nvSpPr>
      <xdr:spPr>
        <a:xfrm>
          <a:off x="14371895" y="24294837"/>
          <a:ext cx="9594415" cy="425822"/>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oneCellAnchor>
    <xdr:from>
      <xdr:col>59</xdr:col>
      <xdr:colOff>975360</xdr:colOff>
      <xdr:row>7</xdr:row>
      <xdr:rowOff>91440</xdr:rowOff>
    </xdr:from>
    <xdr:ext cx="8888730" cy="2760243"/>
    <xdr:sp macro="" textlink="">
      <xdr:nvSpPr>
        <xdr:cNvPr id="7" name="吹き出し: 四角形 6">
          <a:extLst>
            <a:ext uri="{FF2B5EF4-FFF2-40B4-BE49-F238E27FC236}">
              <a16:creationId xmlns:a16="http://schemas.microsoft.com/office/drawing/2014/main" id="{DEE172E0-73DC-4770-8BAA-8C2B10D864F2}"/>
            </a:ext>
          </a:extLst>
        </xdr:cNvPr>
        <xdr:cNvSpPr/>
      </xdr:nvSpPr>
      <xdr:spPr>
        <a:xfrm>
          <a:off x="19537680" y="2438400"/>
          <a:ext cx="8888730" cy="2760243"/>
        </a:xfrm>
        <a:prstGeom prst="wedgeRectCallout">
          <a:avLst>
            <a:gd name="adj1" fmla="val -59449"/>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窓</a:t>
          </a:r>
          <a:r>
            <a:rPr kumimoji="1" lang="en-US" altLang="ja-JP" sz="2000">
              <a:solidFill>
                <a:srgbClr val="0000FF"/>
              </a:solidFill>
              <a:latin typeface="HGｺﾞｼｯｸM" panose="020B0609000000000000" pitchFamily="49" charset="-128"/>
              <a:ea typeface="HGｺﾞｼｯｸM" panose="020B0609000000000000" pitchFamily="49" charset="-128"/>
            </a:rPr>
            <a:t>(</a:t>
          </a:r>
          <a:r>
            <a:rPr kumimoji="1" lang="ja-JP" altLang="en-US" sz="2000">
              <a:solidFill>
                <a:srgbClr val="0000FF"/>
              </a:solidFill>
              <a:latin typeface="HGｺﾞｼｯｸM" panose="020B0609000000000000" pitchFamily="49" charset="-128"/>
              <a:ea typeface="HGｺﾞｼｯｸM" panose="020B0609000000000000" pitchFamily="49" charset="-128"/>
            </a:rPr>
            <a:t>防火・防風・防犯仕様</a:t>
          </a:r>
          <a:r>
            <a:rPr kumimoji="1" lang="en-US" altLang="ja-JP" sz="2000">
              <a:solidFill>
                <a:srgbClr val="0000FF"/>
              </a:solidFill>
              <a:latin typeface="HGｺﾞｼｯｸM" panose="020B0609000000000000" pitchFamily="49" charset="-128"/>
              <a:ea typeface="HGｺﾞｼｯｸM" panose="020B0609000000000000" pitchFamily="49" charset="-128"/>
            </a:rPr>
            <a:t>)</a:t>
          </a:r>
          <a:r>
            <a:rPr kumimoji="1" lang="ja-JP" altLang="en-US" sz="2000">
              <a:solidFill>
                <a:srgbClr val="0000FF"/>
              </a:solidFill>
              <a:latin typeface="HGｺﾞｼｯｸM" panose="020B0609000000000000" pitchFamily="49" charset="-128"/>
              <a:ea typeface="HGｺﾞｼｯｸM" panose="020B0609000000000000" pitchFamily="49" charset="-128"/>
            </a:rPr>
            <a:t>の情報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窓番号は提出書類の平面図と整合性をとっ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サイズ（ＸＳ、Ｓ、Ｍ、Ｌ）は面積から自動計算されます。</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51</xdr:col>
      <xdr:colOff>155863</xdr:colOff>
      <xdr:row>1</xdr:row>
      <xdr:rowOff>34636</xdr:rowOff>
    </xdr:from>
    <xdr:to>
      <xdr:col>54</xdr:col>
      <xdr:colOff>225137</xdr:colOff>
      <xdr:row>1</xdr:row>
      <xdr:rowOff>349723</xdr:rowOff>
    </xdr:to>
    <xdr:sp macro="" textlink="">
      <xdr:nvSpPr>
        <xdr:cNvPr id="5" name="角丸四角形 58">
          <a:extLst>
            <a:ext uri="{FF2B5EF4-FFF2-40B4-BE49-F238E27FC236}">
              <a16:creationId xmlns:a16="http://schemas.microsoft.com/office/drawing/2014/main" id="{3A5A32D3-1A04-45B0-B543-546B973F323D}"/>
            </a:ext>
          </a:extLst>
        </xdr:cNvPr>
        <xdr:cNvSpPr/>
      </xdr:nvSpPr>
      <xdr:spPr>
        <a:xfrm>
          <a:off x="11932227" y="450272"/>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61554</xdr:colOff>
      <xdr:row>7</xdr:row>
      <xdr:rowOff>198120</xdr:rowOff>
    </xdr:from>
    <xdr:ext cx="9594415" cy="2093265"/>
    <xdr:sp macro="" textlink="">
      <xdr:nvSpPr>
        <xdr:cNvPr id="3" name="吹き出し: 四角形 2">
          <a:extLst>
            <a:ext uri="{FF2B5EF4-FFF2-40B4-BE49-F238E27FC236}">
              <a16:creationId xmlns:a16="http://schemas.microsoft.com/office/drawing/2014/main" id="{CFCE2AA1-B460-459C-B2DD-25CDEBAC18B5}"/>
            </a:ext>
          </a:extLst>
        </xdr:cNvPr>
        <xdr:cNvSpPr/>
      </xdr:nvSpPr>
      <xdr:spPr>
        <a:xfrm>
          <a:off x="14910954" y="1767840"/>
          <a:ext cx="9594415" cy="209326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断熱パネルの情報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グレード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09600</xdr:colOff>
      <xdr:row>54</xdr:row>
      <xdr:rowOff>264859</xdr:rowOff>
    </xdr:from>
    <xdr:ext cx="9594415" cy="1426288"/>
    <xdr:sp macro="" textlink="">
      <xdr:nvSpPr>
        <xdr:cNvPr id="4" name="吹き出し: 四角形 3">
          <a:extLst>
            <a:ext uri="{FF2B5EF4-FFF2-40B4-BE49-F238E27FC236}">
              <a16:creationId xmlns:a16="http://schemas.microsoft.com/office/drawing/2014/main" id="{92B56A42-E95F-4F72-9155-9BECA8112909}"/>
            </a:ext>
          </a:extLst>
        </xdr:cNvPr>
        <xdr:cNvSpPr/>
      </xdr:nvSpPr>
      <xdr:spPr>
        <a:xfrm>
          <a:off x="18806160" y="19086259"/>
          <a:ext cx="9594415" cy="1426288"/>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の算出をする際には、施工面積の小数点以下は切り捨て</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となります。</a:t>
          </a:r>
        </a:p>
      </xdr:txBody>
    </xdr:sp>
    <xdr:clientData/>
  </xdr:oneCellAnchor>
  <xdr:oneCellAnchor>
    <xdr:from>
      <xdr:col>59</xdr:col>
      <xdr:colOff>696190</xdr:colOff>
      <xdr:row>61</xdr:row>
      <xdr:rowOff>389636</xdr:rowOff>
    </xdr:from>
    <xdr:ext cx="9594415" cy="425822"/>
    <xdr:sp macro="" textlink="">
      <xdr:nvSpPr>
        <xdr:cNvPr id="6" name="吹き出し: 四角形 5">
          <a:extLst>
            <a:ext uri="{FF2B5EF4-FFF2-40B4-BE49-F238E27FC236}">
              <a16:creationId xmlns:a16="http://schemas.microsoft.com/office/drawing/2014/main" id="{ED4CC9B9-5D85-4EA1-A950-7AE849E74458}"/>
            </a:ext>
          </a:extLst>
        </xdr:cNvPr>
        <xdr:cNvSpPr/>
      </xdr:nvSpPr>
      <xdr:spPr>
        <a:xfrm>
          <a:off x="18892750" y="22472396"/>
          <a:ext cx="9594415" cy="425822"/>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総括表の補助対象経費の合計と金額が合っているかご確認ください。</a:t>
          </a: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51</xdr:col>
      <xdr:colOff>173182</xdr:colOff>
      <xdr:row>1</xdr:row>
      <xdr:rowOff>34636</xdr:rowOff>
    </xdr:from>
    <xdr:to>
      <xdr:col>54</xdr:col>
      <xdr:colOff>242455</xdr:colOff>
      <xdr:row>1</xdr:row>
      <xdr:rowOff>349723</xdr:rowOff>
    </xdr:to>
    <xdr:sp macro="" textlink="">
      <xdr:nvSpPr>
        <xdr:cNvPr id="6" name="角丸四角形 58">
          <a:extLst>
            <a:ext uri="{FF2B5EF4-FFF2-40B4-BE49-F238E27FC236}">
              <a16:creationId xmlns:a16="http://schemas.microsoft.com/office/drawing/2014/main" id="{47677BDA-3D4E-42EC-8918-6093215561B1}"/>
            </a:ext>
          </a:extLst>
        </xdr:cNvPr>
        <xdr:cNvSpPr/>
      </xdr:nvSpPr>
      <xdr:spPr>
        <a:xfrm>
          <a:off x="14304818" y="450272"/>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26918</xdr:colOff>
      <xdr:row>4</xdr:row>
      <xdr:rowOff>137160</xdr:rowOff>
    </xdr:from>
    <xdr:ext cx="9594415" cy="1426288"/>
    <xdr:sp macro="" textlink="">
      <xdr:nvSpPr>
        <xdr:cNvPr id="3" name="吹き出し: 四角形 2">
          <a:extLst>
            <a:ext uri="{FF2B5EF4-FFF2-40B4-BE49-F238E27FC236}">
              <a16:creationId xmlns:a16="http://schemas.microsoft.com/office/drawing/2014/main" id="{7D78AC6F-EDFD-40FA-89FE-3483B20F4550}"/>
            </a:ext>
          </a:extLst>
        </xdr:cNvPr>
        <xdr:cNvSpPr/>
      </xdr:nvSpPr>
      <xdr:spPr>
        <a:xfrm>
          <a:off x="18823478" y="1005840"/>
          <a:ext cx="9594415" cy="1426288"/>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全館空調の有無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全館空調「有」の場合、「延床面積」を記入し、「延床面積あたりの</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蓄熱量」が８０ｋＪ／㎡以上であることを確認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40080</xdr:colOff>
      <xdr:row>13</xdr:row>
      <xdr:rowOff>6958</xdr:rowOff>
    </xdr:from>
    <xdr:ext cx="10607040" cy="3760709"/>
    <xdr:sp macro="" textlink="">
      <xdr:nvSpPr>
        <xdr:cNvPr id="4" name="吹き出し: 四角形 3">
          <a:extLst>
            <a:ext uri="{FF2B5EF4-FFF2-40B4-BE49-F238E27FC236}">
              <a16:creationId xmlns:a16="http://schemas.microsoft.com/office/drawing/2014/main" id="{E7115CEF-6C8D-4974-B71B-E2638AA1456D}"/>
            </a:ext>
          </a:extLst>
        </xdr:cNvPr>
        <xdr:cNvSpPr/>
      </xdr:nvSpPr>
      <xdr:spPr>
        <a:xfrm>
          <a:off x="14889480" y="3390238"/>
          <a:ext cx="10607040" cy="3760709"/>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潜熱蓄熱建材の情報を居室ごとに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した居室名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蓄熱量、利用方法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床面積あたりの蓄熱量が１９２ｋＪ／㎡であることを確認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製品の施工に必要な経費の内、補助対象となる工事費を一式で</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5.xml><?xml version="1.0" encoding="utf-8"?>
<xdr:wsDr xmlns:xdr="http://schemas.openxmlformats.org/drawingml/2006/spreadsheetDrawing" xmlns:a="http://schemas.openxmlformats.org/drawingml/2006/main">
  <xdr:twoCellAnchor>
    <xdr:from>
      <xdr:col>51</xdr:col>
      <xdr:colOff>173182</xdr:colOff>
      <xdr:row>1</xdr:row>
      <xdr:rowOff>34637</xdr:rowOff>
    </xdr:from>
    <xdr:to>
      <xdr:col>54</xdr:col>
      <xdr:colOff>242456</xdr:colOff>
      <xdr:row>1</xdr:row>
      <xdr:rowOff>349724</xdr:rowOff>
    </xdr:to>
    <xdr:sp macro="" textlink="">
      <xdr:nvSpPr>
        <xdr:cNvPr id="5" name="角丸四角形 58">
          <a:extLst>
            <a:ext uri="{FF2B5EF4-FFF2-40B4-BE49-F238E27FC236}">
              <a16:creationId xmlns:a16="http://schemas.microsoft.com/office/drawing/2014/main" id="{05F525B7-C5F5-4E4D-B3C1-5E238D304C92}"/>
            </a:ext>
          </a:extLst>
        </xdr:cNvPr>
        <xdr:cNvSpPr/>
      </xdr:nvSpPr>
      <xdr:spPr>
        <a:xfrm>
          <a:off x="12815455" y="450273"/>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13757</xdr:colOff>
      <xdr:row>7</xdr:row>
      <xdr:rowOff>213360</xdr:rowOff>
    </xdr:from>
    <xdr:ext cx="9594415" cy="2093265"/>
    <xdr:sp macro="" textlink="">
      <xdr:nvSpPr>
        <xdr:cNvPr id="3" name="吹き出し: 四角形 2">
          <a:extLst>
            <a:ext uri="{FF2B5EF4-FFF2-40B4-BE49-F238E27FC236}">
              <a16:creationId xmlns:a16="http://schemas.microsoft.com/office/drawing/2014/main" id="{B5311476-E0BD-4B4B-87A7-4C762E1A98E1}"/>
            </a:ext>
          </a:extLst>
        </xdr:cNvPr>
        <xdr:cNvSpPr/>
      </xdr:nvSpPr>
      <xdr:spPr>
        <a:xfrm>
          <a:off x="14863157" y="1722120"/>
          <a:ext cx="9594415" cy="209326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断熱材の情報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熱伝導率（</a:t>
          </a:r>
          <a:r>
            <a:rPr kumimoji="1" lang="el-GR" altLang="ja-JP" sz="2000">
              <a:solidFill>
                <a:srgbClr val="0000FF"/>
              </a:solidFill>
              <a:latin typeface="HGｺﾞｼｯｸM" panose="020B0609000000000000" pitchFamily="49" charset="-128"/>
              <a:ea typeface="HGｺﾞｼｯｸM" panose="020B0609000000000000" pitchFamily="49" charset="-128"/>
            </a:rPr>
            <a:t>λ</a:t>
          </a:r>
          <a:r>
            <a:rPr kumimoji="1" lang="ja-JP" altLang="en-US" sz="2000">
              <a:solidFill>
                <a:srgbClr val="0000FF"/>
              </a:solidFill>
              <a:latin typeface="HGｺﾞｼｯｸM" panose="020B0609000000000000" pitchFamily="49" charset="-128"/>
              <a:ea typeface="HGｺﾞｼｯｸM" panose="020B0609000000000000" pitchFamily="49" charset="-128"/>
            </a:rPr>
            <a:t>値）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579120</xdr:colOff>
      <xdr:row>50</xdr:row>
      <xdr:rowOff>514241</xdr:rowOff>
    </xdr:from>
    <xdr:ext cx="9594415" cy="1426288"/>
    <xdr:sp macro="" textlink="">
      <xdr:nvSpPr>
        <xdr:cNvPr id="4" name="吹き出し: 四角形 3">
          <a:extLst>
            <a:ext uri="{FF2B5EF4-FFF2-40B4-BE49-F238E27FC236}">
              <a16:creationId xmlns:a16="http://schemas.microsoft.com/office/drawing/2014/main" id="{FEB2FE35-4429-4C3D-8FC1-F808D61CF001}"/>
            </a:ext>
          </a:extLst>
        </xdr:cNvPr>
        <xdr:cNvSpPr/>
      </xdr:nvSpPr>
      <xdr:spPr>
        <a:xfrm>
          <a:off x="18775680" y="17842121"/>
          <a:ext cx="9594415" cy="1426288"/>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の算出をする際には、施工面積の小数点以下は切り捨て</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となります。</a:t>
          </a:r>
        </a:p>
      </xdr:txBody>
    </xdr:sp>
    <xdr:clientData/>
  </xdr:oneCellAnchor>
</xdr:wsDr>
</file>

<file path=xl/drawings/drawing6.xml><?xml version="1.0" encoding="utf-8"?>
<xdr:wsDr xmlns:xdr="http://schemas.openxmlformats.org/drawingml/2006/spreadsheetDrawing" xmlns:a="http://schemas.openxmlformats.org/drawingml/2006/main">
  <xdr:twoCellAnchor>
    <xdr:from>
      <xdr:col>51</xdr:col>
      <xdr:colOff>143773</xdr:colOff>
      <xdr:row>1</xdr:row>
      <xdr:rowOff>35944</xdr:rowOff>
    </xdr:from>
    <xdr:to>
      <xdr:col>54</xdr:col>
      <xdr:colOff>235592</xdr:colOff>
      <xdr:row>1</xdr:row>
      <xdr:rowOff>351031</xdr:rowOff>
    </xdr:to>
    <xdr:sp macro="" textlink="">
      <xdr:nvSpPr>
        <xdr:cNvPr id="6" name="角丸四角形 58">
          <a:extLst>
            <a:ext uri="{FF2B5EF4-FFF2-40B4-BE49-F238E27FC236}">
              <a16:creationId xmlns:a16="http://schemas.microsoft.com/office/drawing/2014/main" id="{E3CB4DC6-D611-442D-9F93-86F11CEF3ABF}"/>
            </a:ext>
          </a:extLst>
        </xdr:cNvPr>
        <xdr:cNvSpPr/>
      </xdr:nvSpPr>
      <xdr:spPr>
        <a:xfrm>
          <a:off x="13494013" y="234064"/>
          <a:ext cx="869059"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40080</xdr:colOff>
      <xdr:row>24</xdr:row>
      <xdr:rowOff>258975</xdr:rowOff>
    </xdr:from>
    <xdr:ext cx="9594415" cy="2093265"/>
    <xdr:sp macro="" textlink="">
      <xdr:nvSpPr>
        <xdr:cNvPr id="4" name="吹き出し: 四角形 3">
          <a:extLst>
            <a:ext uri="{FF2B5EF4-FFF2-40B4-BE49-F238E27FC236}">
              <a16:creationId xmlns:a16="http://schemas.microsoft.com/office/drawing/2014/main" id="{9BED24BA-B53A-4961-A194-FF7893CF8BCB}"/>
            </a:ext>
          </a:extLst>
        </xdr:cNvPr>
        <xdr:cNvSpPr/>
      </xdr:nvSpPr>
      <xdr:spPr>
        <a:xfrm>
          <a:off x="15026640" y="7970415"/>
          <a:ext cx="9594415" cy="209326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調湿建材の情報を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記入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66678</xdr:colOff>
      <xdr:row>42</xdr:row>
      <xdr:rowOff>98147</xdr:rowOff>
    </xdr:from>
    <xdr:ext cx="9594415" cy="425822"/>
    <xdr:sp macro="" textlink="">
      <xdr:nvSpPr>
        <xdr:cNvPr id="7" name="吹き出し: 四角形 6">
          <a:extLst>
            <a:ext uri="{FF2B5EF4-FFF2-40B4-BE49-F238E27FC236}">
              <a16:creationId xmlns:a16="http://schemas.microsoft.com/office/drawing/2014/main" id="{C86D565F-564F-4709-9560-108CC6C317E4}"/>
            </a:ext>
          </a:extLst>
        </xdr:cNvPr>
        <xdr:cNvSpPr/>
      </xdr:nvSpPr>
      <xdr:spPr>
        <a:xfrm>
          <a:off x="19000398" y="14484707"/>
          <a:ext cx="9594415" cy="425822"/>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wsDr>
</file>

<file path=xl/drawings/drawing7.xml><?xml version="1.0" encoding="utf-8"?>
<xdr:wsDr xmlns:xdr="http://schemas.openxmlformats.org/drawingml/2006/spreadsheetDrawing" xmlns:a="http://schemas.openxmlformats.org/drawingml/2006/main">
  <xdr:twoCellAnchor>
    <xdr:from>
      <xdr:col>34</xdr:col>
      <xdr:colOff>125186</xdr:colOff>
      <xdr:row>1</xdr:row>
      <xdr:rowOff>40821</xdr:rowOff>
    </xdr:from>
    <xdr:to>
      <xdr:col>37</xdr:col>
      <xdr:colOff>201683</xdr:colOff>
      <xdr:row>1</xdr:row>
      <xdr:rowOff>355908</xdr:rowOff>
    </xdr:to>
    <xdr:sp macro="" textlink="">
      <xdr:nvSpPr>
        <xdr:cNvPr id="9" name="角丸四角形 58">
          <a:extLst>
            <a:ext uri="{FF2B5EF4-FFF2-40B4-BE49-F238E27FC236}">
              <a16:creationId xmlns:a16="http://schemas.microsoft.com/office/drawing/2014/main" id="{BB8E9F0D-DE97-4DB1-A7E9-F993B03AC2CA}"/>
            </a:ext>
          </a:extLst>
        </xdr:cNvPr>
        <xdr:cNvSpPr/>
      </xdr:nvSpPr>
      <xdr:spPr>
        <a:xfrm>
          <a:off x="8583386" y="244021"/>
          <a:ext cx="800397"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42</xdr:col>
      <xdr:colOff>673100</xdr:colOff>
      <xdr:row>19</xdr:row>
      <xdr:rowOff>63500</xdr:rowOff>
    </xdr:from>
    <xdr:ext cx="8454921" cy="762000"/>
    <xdr:sp macro="" textlink="">
      <xdr:nvSpPr>
        <xdr:cNvPr id="8" name="吹き出し: 四角形 7">
          <a:extLst>
            <a:ext uri="{FF2B5EF4-FFF2-40B4-BE49-F238E27FC236}">
              <a16:creationId xmlns:a16="http://schemas.microsoft.com/office/drawing/2014/main" id="{0394E8D8-AD17-4475-B2A8-61CB6F1AF6B2}"/>
            </a:ext>
          </a:extLst>
        </xdr:cNvPr>
        <xdr:cNvSpPr/>
      </xdr:nvSpPr>
      <xdr:spPr>
        <a:xfrm>
          <a:off x="14465300" y="3124200"/>
          <a:ext cx="8454921" cy="762000"/>
        </a:xfrm>
        <a:prstGeom prst="wedgeRectCallout">
          <a:avLst>
            <a:gd name="adj1" fmla="val -54564"/>
            <a:gd name="adj2" fmla="val -22981"/>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600">
              <a:solidFill>
                <a:srgbClr val="0000FF"/>
              </a:solidFill>
              <a:latin typeface="HGｺﾞｼｯｸM" panose="020B0609000000000000" pitchFamily="49" charset="-128"/>
              <a:ea typeface="HGｺﾞｼｯｸM" panose="020B0609000000000000" pitchFamily="49" charset="-128"/>
            </a:rPr>
            <a:t>・明細書で算出された建材ごとの補助対象経費が自動計算で転記されます。</a:t>
          </a:r>
          <a:endParaRPr kumimoji="1" lang="en-US" altLang="ja-JP" sz="16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42</xdr:col>
      <xdr:colOff>520700</xdr:colOff>
      <xdr:row>37</xdr:row>
      <xdr:rowOff>165100</xdr:rowOff>
    </xdr:from>
    <xdr:ext cx="8724900" cy="673100"/>
    <xdr:sp macro="" textlink="">
      <xdr:nvSpPr>
        <xdr:cNvPr id="10" name="吹き出し: 四角形 9">
          <a:extLst>
            <a:ext uri="{FF2B5EF4-FFF2-40B4-BE49-F238E27FC236}">
              <a16:creationId xmlns:a16="http://schemas.microsoft.com/office/drawing/2014/main" id="{533DB197-73F1-4CF7-988B-F0E09318517E}"/>
            </a:ext>
          </a:extLst>
        </xdr:cNvPr>
        <xdr:cNvSpPr/>
      </xdr:nvSpPr>
      <xdr:spPr>
        <a:xfrm>
          <a:off x="14312900" y="11214100"/>
          <a:ext cx="8724900" cy="673100"/>
        </a:xfrm>
        <a:prstGeom prst="wedgeRectCallout">
          <a:avLst>
            <a:gd name="adj1" fmla="val -54461"/>
            <a:gd name="adj2" fmla="val -25412"/>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600">
              <a:solidFill>
                <a:srgbClr val="FF0000"/>
              </a:solidFill>
              <a:latin typeface="HGｺﾞｼｯｸM" panose="020B0609000000000000" pitchFamily="49" charset="-128"/>
              <a:ea typeface="HGｺﾞｼｯｸM" panose="020B0609000000000000" pitchFamily="49" charset="-128"/>
            </a:rPr>
            <a:t>・交付決定通知書の補助金の額（Ｆ）には、「交付決定通知書」に記載された</a:t>
          </a:r>
          <a:endParaRPr kumimoji="1" lang="en-US" altLang="ja-JP" sz="1600">
            <a:solidFill>
              <a:srgbClr val="FF0000"/>
            </a:solidFill>
            <a:latin typeface="HGｺﾞｼｯｸM" panose="020B0609000000000000" pitchFamily="49" charset="-128"/>
            <a:ea typeface="HGｺﾞｼｯｸM" panose="020B0609000000000000" pitchFamily="49" charset="-128"/>
          </a:endParaRPr>
        </a:p>
        <a:p>
          <a:pPr algn="l"/>
          <a:r>
            <a:rPr kumimoji="1" lang="ja-JP" altLang="en-US" sz="1600">
              <a:solidFill>
                <a:srgbClr val="FF0000"/>
              </a:solidFill>
              <a:latin typeface="HGｺﾞｼｯｸM" panose="020B0609000000000000" pitchFamily="49" charset="-128"/>
              <a:ea typeface="HGｺﾞｼｯｸM" panose="020B0609000000000000" pitchFamily="49" charset="-128"/>
            </a:rPr>
            <a:t>　補助金の額を記入してください。</a:t>
          </a:r>
          <a:endParaRPr kumimoji="1" lang="en-US" altLang="ja-JP" sz="1600">
            <a:solidFill>
              <a:srgbClr val="FF0000"/>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8.xml><?xml version="1.0" encoding="utf-8"?>
<xdr:wsDr xmlns:xdr="http://schemas.openxmlformats.org/drawingml/2006/spreadsheetDrawing" xmlns:a="http://schemas.openxmlformats.org/drawingml/2006/main">
  <xdr:twoCellAnchor>
    <xdr:from>
      <xdr:col>16</xdr:col>
      <xdr:colOff>32656</xdr:colOff>
      <xdr:row>19</xdr:row>
      <xdr:rowOff>280307</xdr:rowOff>
    </xdr:from>
    <xdr:to>
      <xdr:col>22</xdr:col>
      <xdr:colOff>65313</xdr:colOff>
      <xdr:row>20</xdr:row>
      <xdr:rowOff>174171</xdr:rowOff>
    </xdr:to>
    <xdr:sp macro="" textlink="">
      <xdr:nvSpPr>
        <xdr:cNvPr id="2" name="正方形/長方形 1">
          <a:extLst>
            <a:ext uri="{FF2B5EF4-FFF2-40B4-BE49-F238E27FC236}">
              <a16:creationId xmlns:a16="http://schemas.microsoft.com/office/drawing/2014/main" id="{3BCD617A-FB9E-4C0B-B067-DFE8CA24DF4E}"/>
            </a:ext>
          </a:extLst>
        </xdr:cNvPr>
        <xdr:cNvSpPr/>
      </xdr:nvSpPr>
      <xdr:spPr>
        <a:xfrm>
          <a:off x="1600199" y="6245678"/>
          <a:ext cx="620485" cy="1768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8</xdr:col>
      <xdr:colOff>21773</xdr:colOff>
      <xdr:row>20</xdr:row>
      <xdr:rowOff>10886</xdr:rowOff>
    </xdr:from>
    <xdr:to>
      <xdr:col>44</xdr:col>
      <xdr:colOff>54430</xdr:colOff>
      <xdr:row>20</xdr:row>
      <xdr:rowOff>185057</xdr:rowOff>
    </xdr:to>
    <xdr:sp macro="" textlink="">
      <xdr:nvSpPr>
        <xdr:cNvPr id="3" name="正方形/長方形 2">
          <a:extLst>
            <a:ext uri="{FF2B5EF4-FFF2-40B4-BE49-F238E27FC236}">
              <a16:creationId xmlns:a16="http://schemas.microsoft.com/office/drawing/2014/main" id="{B3AB25E9-332C-4FCA-916B-C840068E0EA6}"/>
            </a:ext>
          </a:extLst>
        </xdr:cNvPr>
        <xdr:cNvSpPr/>
      </xdr:nvSpPr>
      <xdr:spPr>
        <a:xfrm>
          <a:off x="3744687" y="6259286"/>
          <a:ext cx="620486" cy="17417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66336</xdr:colOff>
      <xdr:row>20</xdr:row>
      <xdr:rowOff>22092</xdr:rowOff>
    </xdr:from>
    <xdr:to>
      <xdr:col>79</xdr:col>
      <xdr:colOff>10887</xdr:colOff>
      <xdr:row>20</xdr:row>
      <xdr:rowOff>174172</xdr:rowOff>
    </xdr:to>
    <xdr:sp macro="" textlink="">
      <xdr:nvSpPr>
        <xdr:cNvPr id="4" name="正方形/長方形 3">
          <a:extLst>
            <a:ext uri="{FF2B5EF4-FFF2-40B4-BE49-F238E27FC236}">
              <a16:creationId xmlns:a16="http://schemas.microsoft.com/office/drawing/2014/main" id="{DDC08428-612A-440C-B058-4755C8CE4C38}"/>
            </a:ext>
          </a:extLst>
        </xdr:cNvPr>
        <xdr:cNvSpPr/>
      </xdr:nvSpPr>
      <xdr:spPr>
        <a:xfrm>
          <a:off x="6826365" y="6270492"/>
          <a:ext cx="924265" cy="15208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1</xdr:col>
      <xdr:colOff>2722</xdr:colOff>
      <xdr:row>18</xdr:row>
      <xdr:rowOff>20410</xdr:rowOff>
    </xdr:from>
    <xdr:to>
      <xdr:col>13</xdr:col>
      <xdr:colOff>21771</xdr:colOff>
      <xdr:row>18</xdr:row>
      <xdr:rowOff>185057</xdr:rowOff>
    </xdr:to>
    <xdr:sp macro="" textlink="">
      <xdr:nvSpPr>
        <xdr:cNvPr id="5" name="正方形/長方形 4">
          <a:extLst>
            <a:ext uri="{FF2B5EF4-FFF2-40B4-BE49-F238E27FC236}">
              <a16:creationId xmlns:a16="http://schemas.microsoft.com/office/drawing/2014/main" id="{C921E281-3B0D-4A16-BE75-D9695F7BB5CB}"/>
            </a:ext>
          </a:extLst>
        </xdr:cNvPr>
        <xdr:cNvSpPr/>
      </xdr:nvSpPr>
      <xdr:spPr>
        <a:xfrm>
          <a:off x="1080408" y="5419724"/>
          <a:ext cx="214992" cy="16464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33</xdr:col>
      <xdr:colOff>16327</xdr:colOff>
      <xdr:row>17</xdr:row>
      <xdr:rowOff>258536</xdr:rowOff>
    </xdr:from>
    <xdr:to>
      <xdr:col>34</xdr:col>
      <xdr:colOff>87087</xdr:colOff>
      <xdr:row>18</xdr:row>
      <xdr:rowOff>174172</xdr:rowOff>
    </xdr:to>
    <xdr:sp macro="" textlink="">
      <xdr:nvSpPr>
        <xdr:cNvPr id="6" name="正方形/長方形 5">
          <a:extLst>
            <a:ext uri="{FF2B5EF4-FFF2-40B4-BE49-F238E27FC236}">
              <a16:creationId xmlns:a16="http://schemas.microsoft.com/office/drawing/2014/main" id="{F91E1ADC-A76D-4161-8F76-3A4C29A0DD59}"/>
            </a:ext>
          </a:extLst>
        </xdr:cNvPr>
        <xdr:cNvSpPr/>
      </xdr:nvSpPr>
      <xdr:spPr>
        <a:xfrm>
          <a:off x="3249384" y="5385707"/>
          <a:ext cx="168732" cy="187779"/>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oneCellAnchor>
    <xdr:from>
      <xdr:col>96</xdr:col>
      <xdr:colOff>534302</xdr:colOff>
      <xdr:row>28</xdr:row>
      <xdr:rowOff>140643</xdr:rowOff>
    </xdr:from>
    <xdr:ext cx="6062440" cy="4060086"/>
    <xdr:sp macro="" textlink="">
      <xdr:nvSpPr>
        <xdr:cNvPr id="10" name="吹き出し: 四角形 9">
          <a:extLst>
            <a:ext uri="{FF2B5EF4-FFF2-40B4-BE49-F238E27FC236}">
              <a16:creationId xmlns:a16="http://schemas.microsoft.com/office/drawing/2014/main" id="{E7C33454-383F-49D5-ABC4-848F3AE8F2C8}"/>
            </a:ext>
          </a:extLst>
        </xdr:cNvPr>
        <xdr:cNvSpPr/>
      </xdr:nvSpPr>
      <xdr:spPr>
        <a:xfrm>
          <a:off x="13618931" y="9665643"/>
          <a:ext cx="6062440" cy="4060086"/>
        </a:xfrm>
        <a:prstGeom prst="wedgeRectCallout">
          <a:avLst>
            <a:gd name="adj1" fmla="val -56902"/>
            <a:gd name="adj2" fmla="val -2360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名義は必ず補助事業者</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申請者</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本人の口座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記入前に金融機関の統廃合等による名称変更を確認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振込銀行名、支店名は略さず正式名称で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ゆうちょ銀行の場合、振込用の口座番号（店名、預金種目、</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口座番号）を確認し、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店名は漢数字で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支店コード</a:t>
          </a:r>
          <a:r>
            <a:rPr kumimoji="1" lang="en-US" altLang="ja-JP" sz="1400">
              <a:solidFill>
                <a:srgbClr val="0000FF"/>
              </a:solidFill>
              <a:latin typeface="HGｺﾞｼｯｸM" panose="020B0609000000000000" pitchFamily="49" charset="-128"/>
              <a:ea typeface="HGｺﾞｼｯｸM" panose="020B0609000000000000" pitchFamily="49" charset="-128"/>
            </a:rPr>
            <a:t>999</a:t>
          </a:r>
          <a:r>
            <a:rPr kumimoji="1" lang="ja-JP" altLang="en-US" sz="1400">
              <a:solidFill>
                <a:srgbClr val="0000FF"/>
              </a:solidFill>
              <a:latin typeface="HGｺﾞｼｯｸM" panose="020B0609000000000000" pitchFamily="49" charset="-128"/>
              <a:ea typeface="HGｺﾞｼｯｸM" panose="020B0609000000000000" pitchFamily="49" charset="-128"/>
            </a:rPr>
            <a:t>の場合、支店名は「九九九」）</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預金の種類を必ず選択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番号は右詰めで記入し、空白欄には「</a:t>
          </a:r>
          <a:r>
            <a:rPr kumimoji="1" lang="en-US" altLang="ja-JP" sz="1400">
              <a:solidFill>
                <a:srgbClr val="0000FF"/>
              </a:solidFill>
              <a:latin typeface="HGｺﾞｼｯｸM" panose="020B0609000000000000" pitchFamily="49" charset="-128"/>
              <a:ea typeface="HGｺﾞｼｯｸM" panose="020B0609000000000000" pitchFamily="49" charset="-128"/>
            </a:rPr>
            <a:t>0</a:t>
          </a:r>
          <a:r>
            <a:rPr kumimoji="1" lang="ja-JP" altLang="en-US" sz="1400">
              <a:solidFill>
                <a:srgbClr val="0000FF"/>
              </a:solidFill>
              <a:latin typeface="HGｺﾞｼｯｸM" panose="020B0609000000000000" pitchFamily="49" charset="-128"/>
              <a:ea typeface="HGｺﾞｼｯｸM" panose="020B0609000000000000" pitchFamily="49" charset="-128"/>
            </a:rPr>
            <a:t>」を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通帳等に記載されている通りの口座名義人名（カタカナ）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twoCellAnchor>
    <xdr:from>
      <xdr:col>96</xdr:col>
      <xdr:colOff>541150</xdr:colOff>
      <xdr:row>42</xdr:row>
      <xdr:rowOff>206828</xdr:rowOff>
    </xdr:from>
    <xdr:to>
      <xdr:col>137</xdr:col>
      <xdr:colOff>29522</xdr:colOff>
      <xdr:row>57</xdr:row>
      <xdr:rowOff>212782</xdr:rowOff>
    </xdr:to>
    <xdr:sp macro="" textlink="">
      <xdr:nvSpPr>
        <xdr:cNvPr id="12" name="テキスト ボックス 69">
          <a:extLst>
            <a:ext uri="{FF2B5EF4-FFF2-40B4-BE49-F238E27FC236}">
              <a16:creationId xmlns:a16="http://schemas.microsoft.com/office/drawing/2014/main" id="{5C733167-FD3E-4DED-9CD5-6A9C4F650568}"/>
            </a:ext>
          </a:extLst>
        </xdr:cNvPr>
        <xdr:cNvSpPr txBox="1"/>
      </xdr:nvSpPr>
      <xdr:spPr>
        <a:xfrm>
          <a:off x="13625779" y="13291457"/>
          <a:ext cx="6629400" cy="3434954"/>
        </a:xfrm>
        <a:prstGeom prst="rect">
          <a:avLst/>
        </a:prstGeom>
        <a:solidFill>
          <a:schemeClr val="accent2">
            <a:lumMod val="20000"/>
            <a:lumOff val="80000"/>
          </a:schemeClr>
        </a:solidFill>
        <a:ln w="34925" cmpd="dbl">
          <a:solidFill>
            <a:srgbClr val="FF0000"/>
          </a:solidFill>
        </a:ln>
      </xdr:spPr>
      <xdr:style>
        <a:lnRef idx="0">
          <a:scrgbClr r="0" g="0" b="0"/>
        </a:lnRef>
        <a:fillRef idx="0">
          <a:scrgbClr r="0" g="0" b="0"/>
        </a:fillRef>
        <a:effectRef idx="0">
          <a:scrgbClr r="0" g="0" b="0"/>
        </a:effectRef>
        <a:fontRef idx="minor">
          <a:schemeClr val="dk1"/>
        </a:fontRef>
      </xdr:style>
      <xdr:txBody>
        <a:bodyPr wrap="square" rtlCol="0" anchor="ctr"/>
        <a:lstStyle>
          <a:defPPr>
            <a:defRPr lang="ja-JP"/>
          </a:defPPr>
          <a:lvl1pPr marL="0" algn="l" defTabSz="912617" rtl="0" eaLnBrk="1" latinLnBrk="0" hangingPunct="1">
            <a:defRPr kumimoji="1" sz="1800" kern="1200">
              <a:solidFill>
                <a:schemeClr val="dk1"/>
              </a:solidFill>
              <a:latin typeface="+mn-lt"/>
              <a:ea typeface="+mn-ea"/>
              <a:cs typeface="+mn-cs"/>
            </a:defRPr>
          </a:lvl1pPr>
          <a:lvl2pPr marL="456306" algn="l" defTabSz="912617" rtl="0" eaLnBrk="1" latinLnBrk="0" hangingPunct="1">
            <a:defRPr kumimoji="1" sz="1800" kern="1200">
              <a:solidFill>
                <a:schemeClr val="dk1"/>
              </a:solidFill>
              <a:latin typeface="+mn-lt"/>
              <a:ea typeface="+mn-ea"/>
              <a:cs typeface="+mn-cs"/>
            </a:defRPr>
          </a:lvl2pPr>
          <a:lvl3pPr marL="912617" algn="l" defTabSz="912617" rtl="0" eaLnBrk="1" latinLnBrk="0" hangingPunct="1">
            <a:defRPr kumimoji="1" sz="1800" kern="1200">
              <a:solidFill>
                <a:schemeClr val="dk1"/>
              </a:solidFill>
              <a:latin typeface="+mn-lt"/>
              <a:ea typeface="+mn-ea"/>
              <a:cs typeface="+mn-cs"/>
            </a:defRPr>
          </a:lvl3pPr>
          <a:lvl4pPr marL="1368919" algn="l" defTabSz="912617" rtl="0" eaLnBrk="1" latinLnBrk="0" hangingPunct="1">
            <a:defRPr kumimoji="1" sz="1800" kern="1200">
              <a:solidFill>
                <a:schemeClr val="dk1"/>
              </a:solidFill>
              <a:latin typeface="+mn-lt"/>
              <a:ea typeface="+mn-ea"/>
              <a:cs typeface="+mn-cs"/>
            </a:defRPr>
          </a:lvl4pPr>
          <a:lvl5pPr marL="1825227" algn="l" defTabSz="912617" rtl="0" eaLnBrk="1" latinLnBrk="0" hangingPunct="1">
            <a:defRPr kumimoji="1" sz="1800" kern="1200">
              <a:solidFill>
                <a:schemeClr val="dk1"/>
              </a:solidFill>
              <a:latin typeface="+mn-lt"/>
              <a:ea typeface="+mn-ea"/>
              <a:cs typeface="+mn-cs"/>
            </a:defRPr>
          </a:lvl5pPr>
          <a:lvl6pPr marL="2281531" algn="l" defTabSz="912617" rtl="0" eaLnBrk="1" latinLnBrk="0" hangingPunct="1">
            <a:defRPr kumimoji="1" sz="1800" kern="1200">
              <a:solidFill>
                <a:schemeClr val="dk1"/>
              </a:solidFill>
              <a:latin typeface="+mn-lt"/>
              <a:ea typeface="+mn-ea"/>
              <a:cs typeface="+mn-cs"/>
            </a:defRPr>
          </a:lvl6pPr>
          <a:lvl7pPr marL="2737835" algn="l" defTabSz="912617" rtl="0" eaLnBrk="1" latinLnBrk="0" hangingPunct="1">
            <a:defRPr kumimoji="1" sz="1800" kern="1200">
              <a:solidFill>
                <a:schemeClr val="dk1"/>
              </a:solidFill>
              <a:latin typeface="+mn-lt"/>
              <a:ea typeface="+mn-ea"/>
              <a:cs typeface="+mn-cs"/>
            </a:defRPr>
          </a:lvl7pPr>
          <a:lvl8pPr marL="3194140" algn="l" defTabSz="912617" rtl="0" eaLnBrk="1" latinLnBrk="0" hangingPunct="1">
            <a:defRPr kumimoji="1" sz="1800" kern="1200">
              <a:solidFill>
                <a:schemeClr val="dk1"/>
              </a:solidFill>
              <a:latin typeface="+mn-lt"/>
              <a:ea typeface="+mn-ea"/>
              <a:cs typeface="+mn-cs"/>
            </a:defRPr>
          </a:lvl8pPr>
          <a:lvl9pPr marL="3650454" algn="l" defTabSz="912617" rtl="0" eaLnBrk="1" latinLnBrk="0" hangingPunct="1">
            <a:defRPr kumimoji="1" sz="1800" kern="1200">
              <a:solidFill>
                <a:schemeClr val="dk1"/>
              </a:solidFill>
              <a:latin typeface="+mn-lt"/>
              <a:ea typeface="+mn-ea"/>
              <a:cs typeface="+mn-cs"/>
            </a:defRPr>
          </a:lvl9pPr>
        </a:lstStyle>
        <a:p>
          <a:r>
            <a:rPr lang="ja-JP" altLang="en-US" sz="1400" u="sng">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振込先は通帳等を参照し、必要記入事項を漏れなく正しく記入してください。</a:t>
          </a:r>
          <a:endParaRPr lang="en-US" altLang="ja-JP" sz="900" u="sng">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振込先が正確に記入されていない場合、補助金の支払いができないので</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注意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金融機関や支店等の統廃合があった場合は、統廃合後の新しい口座情報</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金融機関名・支店名・預金の種類・口座番号・口座名義人）を記入し、</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それを確認できる書類を提出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口座情報の照合ができる書類の例≫</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通帳の口座情報が記載されているページ</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インターネットバンキング等の口座情報が記載されているページ</a:t>
          </a:r>
        </a:p>
      </xdr:txBody>
    </xdr:sp>
    <xdr:clientData/>
  </xdr:twoCellAnchor>
  <xdr:oneCellAnchor>
    <xdr:from>
      <xdr:col>96</xdr:col>
      <xdr:colOff>533401</xdr:colOff>
      <xdr:row>17</xdr:row>
      <xdr:rowOff>97968</xdr:rowOff>
    </xdr:from>
    <xdr:ext cx="6367561" cy="498742"/>
    <xdr:sp macro="" textlink="">
      <xdr:nvSpPr>
        <xdr:cNvPr id="15" name="吹き出し: 四角形 14">
          <a:extLst>
            <a:ext uri="{FF2B5EF4-FFF2-40B4-BE49-F238E27FC236}">
              <a16:creationId xmlns:a16="http://schemas.microsoft.com/office/drawing/2014/main" id="{52373A0E-ED64-4F9E-BE2C-6DC0531E8663}"/>
            </a:ext>
          </a:extLst>
        </xdr:cNvPr>
        <xdr:cNvSpPr/>
      </xdr:nvSpPr>
      <xdr:spPr>
        <a:xfrm>
          <a:off x="9546772" y="5225139"/>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に記入したふりがな、氏名、住所が自動で転記されます。</a:t>
          </a:r>
        </a:p>
      </xdr:txBody>
    </xdr:sp>
    <xdr:clientData/>
  </xdr:oneCellAnchor>
  <xdr:oneCellAnchor>
    <xdr:from>
      <xdr:col>96</xdr:col>
      <xdr:colOff>533399</xdr:colOff>
      <xdr:row>23</xdr:row>
      <xdr:rowOff>87086</xdr:rowOff>
    </xdr:from>
    <xdr:ext cx="6367561" cy="498742"/>
    <xdr:sp macro="" textlink="">
      <xdr:nvSpPr>
        <xdr:cNvPr id="16" name="吹き出し: 四角形 15">
          <a:extLst>
            <a:ext uri="{FF2B5EF4-FFF2-40B4-BE49-F238E27FC236}">
              <a16:creationId xmlns:a16="http://schemas.microsoft.com/office/drawing/2014/main" id="{79FBA068-F3F0-415D-92EA-0D4B098D1B52}"/>
            </a:ext>
          </a:extLst>
        </xdr:cNvPr>
        <xdr:cNvSpPr/>
      </xdr:nvSpPr>
      <xdr:spPr>
        <a:xfrm>
          <a:off x="9546770" y="7195457"/>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に記入した交付決定番号が自動で転記されます。</a:t>
          </a:r>
        </a:p>
      </xdr:txBody>
    </xdr:sp>
    <xdr:clientData/>
  </xdr:oneCellAnchor>
  <xdr:oneCellAnchor>
    <xdr:from>
      <xdr:col>96</xdr:col>
      <xdr:colOff>566056</xdr:colOff>
      <xdr:row>27</xdr:row>
      <xdr:rowOff>6</xdr:rowOff>
    </xdr:from>
    <xdr:ext cx="6367561" cy="498742"/>
    <xdr:sp macro="" textlink="">
      <xdr:nvSpPr>
        <xdr:cNvPr id="17" name="吹き出し: 四角形 16">
          <a:extLst>
            <a:ext uri="{FF2B5EF4-FFF2-40B4-BE49-F238E27FC236}">
              <a16:creationId xmlns:a16="http://schemas.microsoft.com/office/drawing/2014/main" id="{3C48FE06-8EF8-494B-99B9-31E9FD968A7B}"/>
            </a:ext>
          </a:extLst>
        </xdr:cNvPr>
        <xdr:cNvSpPr/>
      </xdr:nvSpPr>
      <xdr:spPr>
        <a:xfrm>
          <a:off x="13650685" y="8371120"/>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の「実績報告の補助金の額」が自動で転記されます。</a:t>
          </a:r>
        </a:p>
      </xdr:txBody>
    </xdr:sp>
    <xdr:clientData/>
  </xdr:oneCellAnchor>
  <xdr:twoCellAnchor>
    <xdr:from>
      <xdr:col>26</xdr:col>
      <xdr:colOff>32657</xdr:colOff>
      <xdr:row>36</xdr:row>
      <xdr:rowOff>315686</xdr:rowOff>
    </xdr:from>
    <xdr:to>
      <xdr:col>31</xdr:col>
      <xdr:colOff>61232</xdr:colOff>
      <xdr:row>37</xdr:row>
      <xdr:rowOff>206829</xdr:rowOff>
    </xdr:to>
    <xdr:sp macro="" textlink="">
      <xdr:nvSpPr>
        <xdr:cNvPr id="13" name="正方形/長方形 12">
          <a:extLst>
            <a:ext uri="{FF2B5EF4-FFF2-40B4-BE49-F238E27FC236}">
              <a16:creationId xmlns:a16="http://schemas.microsoft.com/office/drawing/2014/main" id="{F108C407-0227-41C6-AD78-6B6D814FE787}"/>
            </a:ext>
          </a:extLst>
        </xdr:cNvPr>
        <xdr:cNvSpPr/>
      </xdr:nvSpPr>
      <xdr:spPr>
        <a:xfrm>
          <a:off x="2608217" y="10724606"/>
          <a:ext cx="523875" cy="27214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r>
            <a:rPr kumimoji="1" lang="ja-JP" altLang="en-US" sz="1000">
              <a:solidFill>
                <a:schemeClr val="bg1">
                  <a:lumMod val="50000"/>
                </a:schemeClr>
              </a:solidFill>
            </a:rPr>
            <a:t>氏</a:t>
          </a:r>
        </a:p>
      </xdr:txBody>
    </xdr:sp>
    <xdr:clientData/>
  </xdr:twoCellAnchor>
  <xdr:twoCellAnchor>
    <xdr:from>
      <xdr:col>58</xdr:col>
      <xdr:colOff>24488</xdr:colOff>
      <xdr:row>36</xdr:row>
      <xdr:rowOff>325211</xdr:rowOff>
    </xdr:from>
    <xdr:to>
      <xdr:col>63</xdr:col>
      <xdr:colOff>43538</xdr:colOff>
      <xdr:row>37</xdr:row>
      <xdr:rowOff>216354</xdr:rowOff>
    </xdr:to>
    <xdr:sp macro="" textlink="">
      <xdr:nvSpPr>
        <xdr:cNvPr id="14" name="正方形/長方形 13">
          <a:extLst>
            <a:ext uri="{FF2B5EF4-FFF2-40B4-BE49-F238E27FC236}">
              <a16:creationId xmlns:a16="http://schemas.microsoft.com/office/drawing/2014/main" id="{ACCAD088-6593-4FB3-862B-5D68651C1231}"/>
            </a:ext>
          </a:extLst>
        </xdr:cNvPr>
        <xdr:cNvSpPr/>
      </xdr:nvSpPr>
      <xdr:spPr>
        <a:xfrm>
          <a:off x="5769968" y="10734131"/>
          <a:ext cx="514350" cy="27214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r>
            <a:rPr kumimoji="1" lang="ja-JP" altLang="en-US" sz="1000">
              <a:solidFill>
                <a:schemeClr val="bg1">
                  <a:lumMod val="50000"/>
                </a:schemeClr>
              </a:solidFill>
            </a:rPr>
            <a:t>名</a:t>
          </a:r>
        </a:p>
      </xdr:txBody>
    </xdr:sp>
    <xdr:clientData/>
  </xdr:twoCellAnchor>
  <xdr:oneCellAnchor>
    <xdr:from>
      <xdr:col>23</xdr:col>
      <xdr:colOff>65315</xdr:colOff>
      <xdr:row>39</xdr:row>
      <xdr:rowOff>141514</xdr:rowOff>
    </xdr:from>
    <xdr:ext cx="5888270" cy="721449"/>
    <xdr:sp macro="" textlink="">
      <xdr:nvSpPr>
        <xdr:cNvPr id="18" name="吹き出し: 四角形 17">
          <a:extLst>
            <a:ext uri="{FF2B5EF4-FFF2-40B4-BE49-F238E27FC236}">
              <a16:creationId xmlns:a16="http://schemas.microsoft.com/office/drawing/2014/main" id="{47470AF5-CADB-4750-A515-67AC7D05ED5E}"/>
            </a:ext>
          </a:extLst>
        </xdr:cNvPr>
        <xdr:cNvSpPr/>
      </xdr:nvSpPr>
      <xdr:spPr>
        <a:xfrm>
          <a:off x="2318658" y="12540343"/>
          <a:ext cx="5888270" cy="721449"/>
        </a:xfrm>
        <a:prstGeom prst="wedgeRectCallout">
          <a:avLst>
            <a:gd name="adj1" fmla="val -21643"/>
            <a:gd name="adj2" fmla="val -91363"/>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名義人はカタカナで記入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a:t>
          </a:r>
          <a:r>
            <a:rPr kumimoji="1" lang="ja-JP" altLang="en-US" sz="1400" u="sng">
              <a:solidFill>
                <a:srgbClr val="0000FF"/>
              </a:solidFill>
              <a:latin typeface="HGｺﾞｼｯｸM" panose="020B0609000000000000" pitchFamily="49" charset="-128"/>
              <a:ea typeface="HGｺﾞｼｯｸM" panose="020B0609000000000000" pitchFamily="49" charset="-128"/>
            </a:rPr>
            <a:t>法人申請の場合は「氏」に口座名義人名を記入してください。</a:t>
          </a:r>
          <a:endParaRPr kumimoji="1" lang="en-US" altLang="ja-JP" sz="1400" u="sng">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223\Desktop\R5METI_jisedai_madodan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誓約書"/>
      <sheetName val="個人情報の取得と利用について"/>
      <sheetName val="委任状"/>
      <sheetName val="交付申請書"/>
      <sheetName val="明細書【窓・玄関ドア】"/>
      <sheetName val="明細書【断熱パネル】"/>
      <sheetName val="明細書【潜熱蓄熱建材】"/>
      <sheetName val="明細書【断熱材】"/>
      <sheetName val="明細書【調湿建材】"/>
      <sheetName val="総括表"/>
      <sheetName val="日付データ"/>
      <sheetName val="製品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row r="4">
          <cell r="L4" t="str">
            <v>JW011501A外窓交換（防火・防風・防犯仕様）A</v>
          </cell>
          <cell r="M4" t="str">
            <v>JW011501A</v>
          </cell>
          <cell r="N4" t="str">
            <v>窓</v>
          </cell>
          <cell r="O4" t="str">
            <v>外窓交換（防火・防風・防犯仕様）</v>
          </cell>
          <cell r="P4" t="str">
            <v>三協立山株式会社</v>
          </cell>
          <cell r="Q4" t="str">
            <v>防火窓ｱﾙｼﾞｵLow-E</v>
          </cell>
        </row>
        <row r="5">
          <cell r="L5" t="str">
            <v>JW011502A外窓交換（防火・防風・防犯仕様）A</v>
          </cell>
          <cell r="M5" t="str">
            <v>JW011502A</v>
          </cell>
          <cell r="N5" t="str">
            <v>窓</v>
          </cell>
          <cell r="O5" t="str">
            <v>外窓交換（防火・防風・防犯仕様）</v>
          </cell>
          <cell r="P5" t="str">
            <v>三協立山株式会社</v>
          </cell>
          <cell r="Q5" t="str">
            <v>防火窓ｱﾙｼﾞｵLow-E(Ar)</v>
          </cell>
        </row>
        <row r="6">
          <cell r="L6" t="str">
            <v>JW011503A外窓交換（防火・防風・防犯仕様）A</v>
          </cell>
          <cell r="M6" t="str">
            <v>JW011503A</v>
          </cell>
          <cell r="N6" t="str">
            <v>窓</v>
          </cell>
          <cell r="O6" t="str">
            <v>外窓交換（防火・防風・防犯仕様）</v>
          </cell>
          <cell r="P6" t="str">
            <v>三協立山株式会社</v>
          </cell>
          <cell r="Q6" t="str">
            <v>防火窓ｱﾙｼﾞｵﾃﾗｽﾄﾞｱLow-E</v>
          </cell>
        </row>
        <row r="7">
          <cell r="L7" t="str">
            <v>JW011504A外窓交換（防火・防風・防犯仕様）A</v>
          </cell>
          <cell r="M7" t="str">
            <v>JW011504A</v>
          </cell>
          <cell r="N7" t="str">
            <v>窓</v>
          </cell>
          <cell r="O7" t="str">
            <v>外窓交換（防火・防風・防犯仕様）</v>
          </cell>
          <cell r="P7" t="str">
            <v>三協立山株式会社</v>
          </cell>
          <cell r="Q7" t="str">
            <v>防火窓ｱﾙｼﾞｵﾃﾗｽﾄﾞｱLow-E(Ar)</v>
          </cell>
        </row>
        <row r="8">
          <cell r="L8" t="str">
            <v>JW011505A外窓交換（防火・防風・防犯仕様）A</v>
          </cell>
          <cell r="M8" t="str">
            <v>JW011505A</v>
          </cell>
          <cell r="N8" t="str">
            <v>窓</v>
          </cell>
          <cell r="O8" t="str">
            <v>外窓交換（防火・防風・防犯仕様）</v>
          </cell>
          <cell r="P8" t="str">
            <v>三協立山株式会社</v>
          </cell>
          <cell r="Q8" t="str">
            <v>防火窓ｱﾙｼﾞｵ勝手口ﾄﾞｱ（採風除く）Low-E</v>
          </cell>
        </row>
        <row r="9">
          <cell r="L9" t="str">
            <v>JW011506A外窓交換（防火・防風・防犯仕様）A</v>
          </cell>
          <cell r="M9" t="str">
            <v>JW011506A</v>
          </cell>
          <cell r="N9" t="str">
            <v>窓</v>
          </cell>
          <cell r="O9" t="str">
            <v>外窓交換（防火・防風・防犯仕様）</v>
          </cell>
          <cell r="P9" t="str">
            <v>三協立山株式会社</v>
          </cell>
          <cell r="Q9" t="str">
            <v>防火窓ｱﾙｼﾞｵ勝手口ﾄﾞｱ（採風除く）Low-E(Ar)</v>
          </cell>
        </row>
        <row r="10">
          <cell r="L10" t="str">
            <v>JW011601A外窓交換（防火・防風・防犯仕様）A</v>
          </cell>
          <cell r="M10" t="str">
            <v>JW011601A</v>
          </cell>
          <cell r="N10" t="str">
            <v>窓</v>
          </cell>
          <cell r="O10" t="str">
            <v>外窓交換（防火・防風・防犯仕様）</v>
          </cell>
          <cell r="P10" t="str">
            <v>三協立山株式会社</v>
          </cell>
          <cell r="Q10" t="str">
            <v>防火ｻｯｼF型ｱﾙﾐ樹脂複合Low-E(Ar)</v>
          </cell>
        </row>
        <row r="11">
          <cell r="L11" t="str">
            <v>JW012005S外窓交換S</v>
          </cell>
          <cell r="M11" t="str">
            <v>JW012005S</v>
          </cell>
          <cell r="N11" t="str">
            <v>防災ガラス窓</v>
          </cell>
          <cell r="O11" t="str">
            <v>外窓交換</v>
          </cell>
          <cell r="P11" t="str">
            <v>三協立山株式会社</v>
          </cell>
          <cell r="Q11" t="str">
            <v>【防災】ｱﾙｼﾞｵLow-E真空</v>
          </cell>
        </row>
        <row r="12">
          <cell r="L12" t="str">
            <v>JW012006S外窓交換S</v>
          </cell>
          <cell r="M12" t="str">
            <v>JW012006S</v>
          </cell>
          <cell r="N12" t="str">
            <v>防災ガラス窓</v>
          </cell>
          <cell r="O12" t="str">
            <v>外窓交換</v>
          </cell>
          <cell r="P12" t="str">
            <v>三協立山株式会社</v>
          </cell>
          <cell r="Q12" t="str">
            <v>【防災】ｱﾙｼﾞｵﾃﾗｽﾄﾞｱLow-E真空</v>
          </cell>
        </row>
        <row r="13">
          <cell r="L13" t="str">
            <v>JW012007S外窓交換S</v>
          </cell>
          <cell r="M13" t="str">
            <v>JW012007S</v>
          </cell>
          <cell r="N13" t="str">
            <v>防災ガラス窓</v>
          </cell>
          <cell r="O13" t="str">
            <v>外窓交換</v>
          </cell>
          <cell r="P13" t="str">
            <v>三協立山株式会社</v>
          </cell>
          <cell r="Q13" t="str">
            <v>【防災】ｱﾙｼﾞｵ勝手口ﾄﾞｱ中無（採風除く）Low-E真空</v>
          </cell>
        </row>
        <row r="14">
          <cell r="L14" t="str">
            <v>JW012008S外窓交換S</v>
          </cell>
          <cell r="M14" t="str">
            <v>JW012008S</v>
          </cell>
          <cell r="N14" t="str">
            <v>防災ガラス窓</v>
          </cell>
          <cell r="O14" t="str">
            <v>外窓交換</v>
          </cell>
          <cell r="P14" t="str">
            <v>三協立山株式会社</v>
          </cell>
          <cell r="Q14" t="str">
            <v>【防災】ｱﾙｼﾞｵ勝手口ﾄﾞｱ中付（採風除く）Low-E真空</v>
          </cell>
        </row>
        <row r="15">
          <cell r="L15" t="str">
            <v>JW012009S外窓交換S</v>
          </cell>
          <cell r="M15" t="str">
            <v>JW012009S</v>
          </cell>
          <cell r="N15" t="str">
            <v>防災ガラス窓</v>
          </cell>
          <cell r="O15" t="str">
            <v>外窓交換</v>
          </cell>
          <cell r="P15" t="str">
            <v>三協立山株式会社</v>
          </cell>
          <cell r="Q15" t="str">
            <v>【防災】ｱﾙｼﾞｵLow-E(Ar)</v>
          </cell>
        </row>
        <row r="16">
          <cell r="L16" t="str">
            <v>JW012010S外窓交換S</v>
          </cell>
          <cell r="M16" t="str">
            <v>JW012010S</v>
          </cell>
          <cell r="N16" t="str">
            <v>防災ガラス窓</v>
          </cell>
          <cell r="O16" t="str">
            <v>外窓交換</v>
          </cell>
          <cell r="P16" t="str">
            <v>三協立山株式会社</v>
          </cell>
          <cell r="Q16" t="str">
            <v>【防災】ｱﾙｼﾞｵﾃﾗｽﾄﾞｱLow-E(Ar)</v>
          </cell>
        </row>
        <row r="17">
          <cell r="L17" t="str">
            <v>JW012011S外窓交換S</v>
          </cell>
          <cell r="M17" t="str">
            <v>JW012011S</v>
          </cell>
          <cell r="N17" t="str">
            <v>防災ガラス窓</v>
          </cell>
          <cell r="O17" t="str">
            <v>外窓交換</v>
          </cell>
          <cell r="P17" t="str">
            <v>三協立山株式会社</v>
          </cell>
          <cell r="Q17" t="str">
            <v>【防災】ｱﾙｼﾞｵ勝手口ﾄﾞｱ中無（採風除く）Low-E(Ar)</v>
          </cell>
        </row>
        <row r="18">
          <cell r="L18" t="str">
            <v>JW012012S外窓交換S</v>
          </cell>
          <cell r="M18" t="str">
            <v>JW012012S</v>
          </cell>
          <cell r="N18" t="str">
            <v>防災ガラス窓</v>
          </cell>
          <cell r="O18" t="str">
            <v>外窓交換</v>
          </cell>
          <cell r="P18" t="str">
            <v>三協立山株式会社</v>
          </cell>
          <cell r="Q18" t="str">
            <v>【防災】ｱﾙｼﾞｵ勝手口ﾄﾞｱ中付（採風除く）Low-E(Ar)</v>
          </cell>
        </row>
        <row r="19">
          <cell r="L19" t="str">
            <v>JW013001A外窓交換（防火・防風・防犯仕様）A</v>
          </cell>
          <cell r="M19" t="str">
            <v>JW013001A</v>
          </cell>
          <cell r="N19" t="str">
            <v>窓</v>
          </cell>
          <cell r="O19" t="str">
            <v>外窓交換（防火・防風・防犯仕様）</v>
          </cell>
          <cell r="P19" t="str">
            <v>三協立山株式会社</v>
          </cell>
          <cell r="Q19" t="str">
            <v>アルジオ 面格子付引違い窓Low-E</v>
          </cell>
        </row>
        <row r="20">
          <cell r="L20" t="str">
            <v>JW013002A外窓交換（防火・防風・防犯仕様）A</v>
          </cell>
          <cell r="M20" t="str">
            <v>JW013002A</v>
          </cell>
          <cell r="N20" t="str">
            <v>窓</v>
          </cell>
          <cell r="O20" t="str">
            <v>外窓交換（防火・防風・防犯仕様）</v>
          </cell>
          <cell r="P20" t="str">
            <v>三協立山株式会社</v>
          </cell>
          <cell r="Q20" t="str">
            <v>アルジオ シャッター付引違い窓Low-E</v>
          </cell>
        </row>
        <row r="21">
          <cell r="L21" t="str">
            <v>JW013003A外窓交換（防火・防風・防犯仕様）A</v>
          </cell>
          <cell r="M21" t="str">
            <v>JW013003A</v>
          </cell>
          <cell r="N21" t="str">
            <v>窓</v>
          </cell>
          <cell r="O21" t="str">
            <v>外窓交換（防火・防風・防犯仕様）</v>
          </cell>
          <cell r="P21" t="str">
            <v>三協立山株式会社</v>
          </cell>
          <cell r="Q21" t="str">
            <v>アルジオ 面格子付片上げ下げ窓Low-E</v>
          </cell>
        </row>
        <row r="22">
          <cell r="L22" t="str">
            <v>JW013011S外窓交換（防火・防風・防犯仕様）S</v>
          </cell>
          <cell r="M22" t="str">
            <v>JW013011S</v>
          </cell>
          <cell r="N22" t="str">
            <v>窓</v>
          </cell>
          <cell r="O22" t="str">
            <v>外窓交換（防火・防風・防犯仕様）</v>
          </cell>
          <cell r="P22" t="str">
            <v>三協立山株式会社</v>
          </cell>
          <cell r="Q22" t="str">
            <v>アルジオ 面格子付引違い窓Low-E(Ar／グリーン・ブロンズ)</v>
          </cell>
        </row>
        <row r="23">
          <cell r="L23" t="str">
            <v>JW013012S外窓交換（防火・防風・防犯仕様）S</v>
          </cell>
          <cell r="M23" t="str">
            <v>JW013012S</v>
          </cell>
          <cell r="N23" t="str">
            <v>窓</v>
          </cell>
          <cell r="O23" t="str">
            <v>外窓交換（防火・防風・防犯仕様）</v>
          </cell>
          <cell r="P23" t="str">
            <v>三協立山株式会社</v>
          </cell>
          <cell r="Q23" t="str">
            <v>アルジオ シャッター付引違い窓Low-E(Ar／グリーン・ブロンズ)</v>
          </cell>
        </row>
        <row r="24">
          <cell r="L24" t="str">
            <v>JW013013S外窓交換（防火・防風・防犯仕様）S</v>
          </cell>
          <cell r="M24" t="str">
            <v>JW013013S</v>
          </cell>
          <cell r="N24" t="str">
            <v>窓</v>
          </cell>
          <cell r="O24" t="str">
            <v>外窓交換（防火・防風・防犯仕様）</v>
          </cell>
          <cell r="P24" t="str">
            <v>三協立山株式会社</v>
          </cell>
          <cell r="Q24" t="str">
            <v>アルジオ 面格子付片上げ下げ窓Low-E(Ar／グリーン・ブロンズ)</v>
          </cell>
        </row>
        <row r="25">
          <cell r="L25" t="str">
            <v>JW013021A外窓交換（防火・防風・防犯仕様）A</v>
          </cell>
          <cell r="M25" t="str">
            <v>JW013021A</v>
          </cell>
          <cell r="N25" t="str">
            <v>窓</v>
          </cell>
          <cell r="O25" t="str">
            <v>外窓交換（防火・防風・防犯仕様）</v>
          </cell>
          <cell r="P25" t="str">
            <v>三協立山株式会社</v>
          </cell>
          <cell r="Q25" t="str">
            <v>アルジオ 面格子付引違い窓Low-E(Ar)</v>
          </cell>
        </row>
        <row r="26">
          <cell r="L26" t="str">
            <v>JW013022A外窓交換（防火・防風・防犯仕様）A</v>
          </cell>
          <cell r="M26" t="str">
            <v>JW013022A</v>
          </cell>
          <cell r="N26" t="str">
            <v>窓</v>
          </cell>
          <cell r="O26" t="str">
            <v>外窓交換（防火・防風・防犯仕様）</v>
          </cell>
          <cell r="P26" t="str">
            <v>三協立山株式会社</v>
          </cell>
          <cell r="Q26" t="str">
            <v>アルジオ シャッター付引違い窓Low-E(Ar)</v>
          </cell>
        </row>
        <row r="27">
          <cell r="L27" t="str">
            <v>JW013023A外窓交換（防火・防風・防犯仕様）A</v>
          </cell>
          <cell r="M27" t="str">
            <v>JW013023A</v>
          </cell>
          <cell r="N27" t="str">
            <v>窓</v>
          </cell>
          <cell r="O27" t="str">
            <v>外窓交換（防火・防風・防犯仕様）</v>
          </cell>
          <cell r="P27" t="str">
            <v>三協立山株式会社</v>
          </cell>
          <cell r="Q27" t="str">
            <v>アルジオ 面格子付片上げ下げ窓Low-E(Ar)</v>
          </cell>
        </row>
        <row r="28">
          <cell r="L28" t="str">
            <v>JW013031S外窓交換（防火・防風・防犯仕様）S</v>
          </cell>
          <cell r="M28" t="str">
            <v>JW013031S</v>
          </cell>
          <cell r="N28" t="str">
            <v>窓</v>
          </cell>
          <cell r="O28" t="str">
            <v>外窓交換（防火・防風・防犯仕様）</v>
          </cell>
          <cell r="P28" t="str">
            <v>三協立山株式会社</v>
          </cell>
          <cell r="Q28" t="str">
            <v>アルジオ 面格子付引違い窓Low-Eトリプル(Kr)</v>
          </cell>
        </row>
        <row r="29">
          <cell r="L29" t="str">
            <v>JW013032S外窓交換（防火・防風・防犯仕様）S</v>
          </cell>
          <cell r="M29" t="str">
            <v>JW013032S</v>
          </cell>
          <cell r="N29" t="str">
            <v>窓</v>
          </cell>
          <cell r="O29" t="str">
            <v>外窓交換（防火・防風・防犯仕様）</v>
          </cell>
          <cell r="P29" t="str">
            <v>三協立山株式会社</v>
          </cell>
          <cell r="Q29" t="str">
            <v>アルジオ シャッター付引違い窓Low-Eトリプル(Kr)</v>
          </cell>
        </row>
        <row r="30">
          <cell r="L30" t="str">
            <v>JW013033S外窓交換（防火・防風・防犯仕様）S</v>
          </cell>
          <cell r="M30" t="str">
            <v>JW013033S</v>
          </cell>
          <cell r="N30" t="str">
            <v>窓</v>
          </cell>
          <cell r="O30" t="str">
            <v>外窓交換（防火・防風・防犯仕様）</v>
          </cell>
          <cell r="P30" t="str">
            <v>三協立山株式会社</v>
          </cell>
          <cell r="Q30" t="str">
            <v>アルジオ 面格子付片上げ下げ窓Low-Eトリプル(Kr)</v>
          </cell>
        </row>
        <row r="31">
          <cell r="L31" t="str">
            <v>JW013041S外窓交換（防火・防風・防犯仕様）S</v>
          </cell>
          <cell r="M31" t="str">
            <v>JW013041S</v>
          </cell>
          <cell r="N31" t="str">
            <v>窓</v>
          </cell>
          <cell r="O31" t="str">
            <v>外窓交換（防火・防風・防犯仕様）</v>
          </cell>
          <cell r="P31" t="str">
            <v>三協立山株式会社</v>
          </cell>
          <cell r="Q31" t="str">
            <v>アルジオ 面格子付引違い窓Low-Eトリプル(Ar)</v>
          </cell>
        </row>
        <row r="32">
          <cell r="L32" t="str">
            <v>JW013042S外窓交換（防火・防風・防犯仕様）S</v>
          </cell>
          <cell r="M32" t="str">
            <v>JW013042S</v>
          </cell>
          <cell r="N32" t="str">
            <v>窓</v>
          </cell>
          <cell r="O32" t="str">
            <v>外窓交換（防火・防風・防犯仕様）</v>
          </cell>
          <cell r="P32" t="str">
            <v>三協立山株式会社</v>
          </cell>
          <cell r="Q32" t="str">
            <v>アルジオ シャッター付引違い窓Low-Eトリプル(Ar)</v>
          </cell>
        </row>
        <row r="33">
          <cell r="L33" t="str">
            <v>JW013043S外窓交換（防火・防風・防犯仕様）S</v>
          </cell>
          <cell r="M33" t="str">
            <v>JW013043S</v>
          </cell>
          <cell r="N33" t="str">
            <v>窓</v>
          </cell>
          <cell r="O33" t="str">
            <v>外窓交換（防火・防風・防犯仕様）</v>
          </cell>
          <cell r="P33" t="str">
            <v>三協立山株式会社</v>
          </cell>
          <cell r="Q33" t="str">
            <v>アルジオ 面格子付片上げ下げ窓Low-Eトリプル(Ar)</v>
          </cell>
        </row>
        <row r="34">
          <cell r="L34" t="str">
            <v>JW013051S外窓交換（防火・防風・防犯仕様）S</v>
          </cell>
          <cell r="M34" t="str">
            <v>JW013051S</v>
          </cell>
          <cell r="N34" t="str">
            <v>窓</v>
          </cell>
          <cell r="O34" t="str">
            <v>外窓交換（防火・防風・防犯仕様）</v>
          </cell>
          <cell r="P34" t="str">
            <v>三協立山株式会社</v>
          </cell>
          <cell r="Q34" t="str">
            <v>アルジオ 面格子付引違い窓Low-E(真空)</v>
          </cell>
        </row>
        <row r="35">
          <cell r="L35" t="str">
            <v>JW013052S外窓交換（防火・防風・防犯仕様）S</v>
          </cell>
          <cell r="M35" t="str">
            <v>JW013052S</v>
          </cell>
          <cell r="N35" t="str">
            <v>窓</v>
          </cell>
          <cell r="O35" t="str">
            <v>外窓交換（防火・防風・防犯仕様）</v>
          </cell>
          <cell r="P35" t="str">
            <v>三協立山株式会社</v>
          </cell>
          <cell r="Q35" t="str">
            <v>アルジオ シャッター付引違い窓Low-E(真空)</v>
          </cell>
        </row>
        <row r="36">
          <cell r="L36" t="str">
            <v>JW013053S外窓交換（防火・防風・防犯仕様）S</v>
          </cell>
          <cell r="M36" t="str">
            <v>JW013053S</v>
          </cell>
          <cell r="N36" t="str">
            <v>窓</v>
          </cell>
          <cell r="O36" t="str">
            <v>外窓交換（防火・防風・防犯仕様）</v>
          </cell>
          <cell r="P36" t="str">
            <v>三協立山株式会社</v>
          </cell>
          <cell r="Q36" t="str">
            <v>アルジオ 面格子付片上げ下げ窓Low-E(真空)</v>
          </cell>
        </row>
        <row r="37">
          <cell r="L37" t="str">
            <v>JW013101A外窓交換（防火・防風・防犯仕様）A</v>
          </cell>
          <cell r="M37" t="str">
            <v>JW013101A</v>
          </cell>
          <cell r="N37" t="str">
            <v>窓</v>
          </cell>
          <cell r="O37" t="str">
            <v>外窓交換（防火・防風・防犯仕様）</v>
          </cell>
          <cell r="P37" t="str">
            <v>三協立山株式会社</v>
          </cell>
          <cell r="Q37" t="str">
            <v>マディオＪ 面格子付引違い窓Low-E(Ar)</v>
          </cell>
        </row>
        <row r="38">
          <cell r="L38" t="str">
            <v>JW013102A外窓交換（防火・防風・防犯仕様）A</v>
          </cell>
          <cell r="M38" t="str">
            <v>JW013102A</v>
          </cell>
          <cell r="N38" t="str">
            <v>窓</v>
          </cell>
          <cell r="O38" t="str">
            <v>外窓交換（防火・防風・防犯仕様）</v>
          </cell>
          <cell r="P38" t="str">
            <v>三協立山株式会社</v>
          </cell>
          <cell r="Q38" t="str">
            <v>マディオＪ シャッター付引違い窓Low-E(Ar)</v>
          </cell>
        </row>
        <row r="39">
          <cell r="L39" t="str">
            <v>JW013103A外窓交換（防火・防風・防犯仕様）A</v>
          </cell>
          <cell r="M39" t="str">
            <v>JW013103A</v>
          </cell>
          <cell r="N39" t="str">
            <v>窓</v>
          </cell>
          <cell r="O39" t="str">
            <v>外窓交換（防火・防風・防犯仕様）</v>
          </cell>
          <cell r="P39" t="str">
            <v>三協立山株式会社</v>
          </cell>
          <cell r="Q39" t="str">
            <v>マディオJ 雨戸付引違い窓Low-E(Ar)</v>
          </cell>
        </row>
        <row r="40">
          <cell r="L40" t="str">
            <v>JW013104A外窓交換（防火・防風・防犯仕様）A</v>
          </cell>
          <cell r="M40" t="str">
            <v>JW013104A</v>
          </cell>
          <cell r="N40" t="str">
            <v>窓</v>
          </cell>
          <cell r="O40" t="str">
            <v>外窓交換（防火・防風・防犯仕様）</v>
          </cell>
          <cell r="P40" t="str">
            <v>三協立山株式会社</v>
          </cell>
          <cell r="Q40" t="str">
            <v>マディオＪ 面格子付片上げ下げ窓Low-E(Ar)</v>
          </cell>
        </row>
        <row r="41">
          <cell r="L41" t="str">
            <v>JW013105S外窓交換（防火・防風・防犯仕様）S</v>
          </cell>
          <cell r="M41" t="str">
            <v>JW013105S</v>
          </cell>
          <cell r="N41" t="str">
            <v>窓</v>
          </cell>
          <cell r="O41" t="str">
            <v>外窓交換（防火・防風・防犯仕様）</v>
          </cell>
          <cell r="P41" t="str">
            <v>三協立山株式会社</v>
          </cell>
          <cell r="Q41" t="str">
            <v>マディオＪ 面格子付引違い窓Low-E(Ar・ガラス中空層14㎜以上)</v>
          </cell>
        </row>
        <row r="42">
          <cell r="L42" t="str">
            <v>JW013106S外窓交換（防火・防風・防犯仕様）S</v>
          </cell>
          <cell r="M42" t="str">
            <v>JW013106S</v>
          </cell>
          <cell r="N42" t="str">
            <v>窓</v>
          </cell>
          <cell r="O42" t="str">
            <v>外窓交換（防火・防風・防犯仕様）</v>
          </cell>
          <cell r="P42" t="str">
            <v>三協立山株式会社</v>
          </cell>
          <cell r="Q42" t="str">
            <v>マディオＪ シャッター付引違い窓Low-E(Ar・ガラス中空層14㎜以上)</v>
          </cell>
        </row>
        <row r="43">
          <cell r="L43" t="str">
            <v>JW013107S外窓交換（防火・防風・防犯仕様）S</v>
          </cell>
          <cell r="M43" t="str">
            <v>JW013107S</v>
          </cell>
          <cell r="N43" t="str">
            <v>窓</v>
          </cell>
          <cell r="O43" t="str">
            <v>外窓交換（防火・防風・防犯仕様）</v>
          </cell>
          <cell r="P43" t="str">
            <v>三協立山株式会社</v>
          </cell>
          <cell r="Q43" t="str">
            <v>マディオJ 雨戸付引違い窓Low-E(Ar・ガラス中空層14㎜以上)</v>
          </cell>
        </row>
        <row r="44">
          <cell r="L44" t="str">
            <v>JW013108S外窓交換（防火・防風・防犯仕様）S</v>
          </cell>
          <cell r="M44" t="str">
            <v>JW013108S</v>
          </cell>
          <cell r="N44" t="str">
            <v>窓</v>
          </cell>
          <cell r="O44" t="str">
            <v>外窓交換（防火・防風・防犯仕様）</v>
          </cell>
          <cell r="P44" t="str">
            <v>三協立山株式会社</v>
          </cell>
          <cell r="Q44" t="str">
            <v>マディオＪ 面格子付片上げ下げ窓Low-E(Ar・ガラス中空層14㎜以上)</v>
          </cell>
        </row>
        <row r="45">
          <cell r="L45" t="str">
            <v>JW013201A外窓交換（防火・防風・防犯仕様）A</v>
          </cell>
          <cell r="M45" t="str">
            <v>JW013201A</v>
          </cell>
          <cell r="N45" t="str">
            <v>窓</v>
          </cell>
          <cell r="O45" t="str">
            <v>外窓交換（防火・防風・防犯仕様）</v>
          </cell>
          <cell r="P45" t="str">
            <v>三協立山株式会社</v>
          </cell>
          <cell r="Q45" t="str">
            <v>マディオＭ 面格子付引違い窓Low-E(Ar)</v>
          </cell>
        </row>
        <row r="46">
          <cell r="L46" t="str">
            <v>JW013202A外窓交換（防火・防風・防犯仕様）A</v>
          </cell>
          <cell r="M46" t="str">
            <v>JW013202A</v>
          </cell>
          <cell r="N46" t="str">
            <v>窓</v>
          </cell>
          <cell r="O46" t="str">
            <v>外窓交換（防火・防風・防犯仕様）</v>
          </cell>
          <cell r="P46" t="str">
            <v>三協立山株式会社</v>
          </cell>
          <cell r="Q46" t="str">
            <v>マディオＭ シャッター付引違い窓Low-E(Ar)</v>
          </cell>
        </row>
        <row r="47">
          <cell r="L47" t="str">
            <v>JW013203A外窓交換（防火・防風・防犯仕様）A</v>
          </cell>
          <cell r="M47" t="str">
            <v>JW013203A</v>
          </cell>
          <cell r="N47" t="str">
            <v>窓</v>
          </cell>
          <cell r="O47" t="str">
            <v>外窓交換（防火・防風・防犯仕様）</v>
          </cell>
          <cell r="P47" t="str">
            <v>三協立山株式会社</v>
          </cell>
          <cell r="Q47" t="str">
            <v>マディオＭ 雨戸付引違い窓Low-E(Ar)</v>
          </cell>
        </row>
        <row r="48">
          <cell r="L48" t="str">
            <v>JW023101A外窓交換（防火・防風・防犯仕様）A</v>
          </cell>
          <cell r="M48" t="str">
            <v>JW023101A</v>
          </cell>
          <cell r="N48" t="str">
            <v>窓</v>
          </cell>
          <cell r="O48" t="str">
            <v>外窓交換（防火・防風・防犯仕様）</v>
          </cell>
          <cell r="P48" t="str">
            <v>株式会社ＬＩＸＩＬ</v>
          </cell>
          <cell r="Q48" t="str">
            <v>PRESEA-H（防火） Low-E</v>
          </cell>
        </row>
        <row r="49">
          <cell r="L49" t="str">
            <v>JW024101A外窓交換（防火・防風・防犯仕様）A</v>
          </cell>
          <cell r="M49" t="str">
            <v>JW024101A</v>
          </cell>
          <cell r="N49" t="str">
            <v>窓</v>
          </cell>
          <cell r="O49" t="str">
            <v>外窓交換（防火・防風・防犯仕様）</v>
          </cell>
          <cell r="P49" t="str">
            <v>株式会社ＬＩＸＩＬ</v>
          </cell>
          <cell r="Q49" t="str">
            <v>防火戸FG-H Low-E（Ar）</v>
          </cell>
        </row>
        <row r="50">
          <cell r="L50" t="str">
            <v>JW024102A外窓交換（防火・防風・防犯仕様）A</v>
          </cell>
          <cell r="M50" t="str">
            <v>JW024102A</v>
          </cell>
          <cell r="N50" t="str">
            <v>窓</v>
          </cell>
          <cell r="O50" t="str">
            <v>外窓交換（防火・防風・防犯仕様）</v>
          </cell>
          <cell r="P50" t="str">
            <v>株式会社ＬＩＸＩＬ</v>
          </cell>
          <cell r="Q50" t="str">
            <v>防火戸FG-H シャッター付引違い窓 Low-E（Ar）</v>
          </cell>
        </row>
        <row r="51">
          <cell r="L51" t="str">
            <v>JW024201S外窓交換（防火・防風・防犯仕様）S</v>
          </cell>
          <cell r="M51" t="str">
            <v>JW024201S</v>
          </cell>
          <cell r="N51" t="str">
            <v>窓</v>
          </cell>
          <cell r="O51" t="str">
            <v>外窓交換（防火・防風・防犯仕様）</v>
          </cell>
          <cell r="P51" t="str">
            <v>株式会社ＬＩＸＩＬ</v>
          </cell>
          <cell r="Q51" t="str">
            <v>サーモスL シャッター付引違い窓(Ar)</v>
          </cell>
        </row>
        <row r="52">
          <cell r="L52" t="str">
            <v>JW024202S外窓交換（防火・防風・防犯仕様）S</v>
          </cell>
          <cell r="M52" t="str">
            <v>JW024202S</v>
          </cell>
          <cell r="N52" t="str">
            <v>窓</v>
          </cell>
          <cell r="O52" t="str">
            <v>外窓交換（防火・防風・防犯仕様）</v>
          </cell>
          <cell r="P52" t="str">
            <v>株式会社ＬＩＸＩＬ</v>
          </cell>
          <cell r="Q52" t="str">
            <v>サーモスL シャッター付引違い窓(乾燥空気・中空層15mm以上)</v>
          </cell>
        </row>
        <row r="53">
          <cell r="L53" t="str">
            <v>JW024203A外窓交換（防火・防風・防犯仕様）A</v>
          </cell>
          <cell r="M53" t="str">
            <v>JW024203A</v>
          </cell>
          <cell r="N53" t="str">
            <v>窓</v>
          </cell>
          <cell r="O53" t="str">
            <v>外窓交換（防火・防風・防犯仕様）</v>
          </cell>
          <cell r="P53" t="str">
            <v>株式会社ＬＩＸＩＬ</v>
          </cell>
          <cell r="Q53" t="str">
            <v>サーモスL シャッター付引違い窓(乾燥空気)</v>
          </cell>
        </row>
        <row r="54">
          <cell r="L54" t="str">
            <v>JW024204S外窓交換（防火・防風・防犯仕様）S</v>
          </cell>
          <cell r="M54" t="str">
            <v>JW024204S</v>
          </cell>
          <cell r="N54" t="str">
            <v>窓</v>
          </cell>
          <cell r="O54" t="str">
            <v>外窓交換（防火・防風・防犯仕様）</v>
          </cell>
          <cell r="P54" t="str">
            <v>株式会社ＬＩＸＩＬ</v>
          </cell>
          <cell r="Q54" t="str">
            <v>サーモスL 雨戸付引違い窓(Ar)</v>
          </cell>
        </row>
        <row r="55">
          <cell r="L55" t="str">
            <v>JW024205S外窓交換（防火・防風・防犯仕様）S</v>
          </cell>
          <cell r="M55" t="str">
            <v>JW024205S</v>
          </cell>
          <cell r="N55" t="str">
            <v>窓</v>
          </cell>
          <cell r="O55" t="str">
            <v>外窓交換（防火・防風・防犯仕様）</v>
          </cell>
          <cell r="P55" t="str">
            <v>株式会社ＬＩＸＩＬ</v>
          </cell>
          <cell r="Q55" t="str">
            <v>サーモスL 雨戸付引違い窓(乾燥空気・中空層15mm以上)</v>
          </cell>
        </row>
        <row r="56">
          <cell r="L56" t="str">
            <v>JW024206A外窓交換（防火・防風・防犯仕様）A</v>
          </cell>
          <cell r="M56" t="str">
            <v>JW024206A</v>
          </cell>
          <cell r="N56" t="str">
            <v>窓</v>
          </cell>
          <cell r="O56" t="str">
            <v>外窓交換（防火・防風・防犯仕様）</v>
          </cell>
          <cell r="P56" t="str">
            <v>株式会社ＬＩＸＩＬ</v>
          </cell>
          <cell r="Q56" t="str">
            <v>サーモスL 雨戸付引違い窓(乾燥空気)</v>
          </cell>
        </row>
        <row r="57">
          <cell r="L57" t="str">
            <v>JW024207S外窓交換（防火・防風・防犯仕様）S</v>
          </cell>
          <cell r="M57" t="str">
            <v>JW024207S</v>
          </cell>
          <cell r="N57" t="str">
            <v>窓</v>
          </cell>
          <cell r="O57" t="str">
            <v>外窓交換（防火・防風・防犯仕様）</v>
          </cell>
          <cell r="P57" t="str">
            <v>株式会社ＬＩＸＩＬ</v>
          </cell>
          <cell r="Q57" t="str">
            <v>サーモスL 面格子付(Ar・中空層14mm以上)</v>
          </cell>
        </row>
        <row r="58">
          <cell r="L58" t="str">
            <v>JW024208S外窓交換（防火・防風・防犯仕様）S</v>
          </cell>
          <cell r="M58" t="str">
            <v>JW024208S</v>
          </cell>
          <cell r="N58" t="str">
            <v>窓</v>
          </cell>
          <cell r="O58" t="str">
            <v>外窓交換（防火・防風・防犯仕様）</v>
          </cell>
          <cell r="P58" t="str">
            <v>株式会社ＬＩＸＩＬ</v>
          </cell>
          <cell r="Q58" t="str">
            <v>サーモスL 面格子付(Ar・Low-Eグリーン・中空層13mm以上)</v>
          </cell>
        </row>
        <row r="59">
          <cell r="L59" t="str">
            <v>JW024209A外窓交換（防火・防風・防犯仕様）A</v>
          </cell>
          <cell r="M59" t="str">
            <v>JW024209A</v>
          </cell>
          <cell r="N59" t="str">
            <v>窓</v>
          </cell>
          <cell r="O59" t="str">
            <v>外窓交換（防火・防風・防犯仕様）</v>
          </cell>
          <cell r="P59" t="str">
            <v>株式会社ＬＩＸＩＬ</v>
          </cell>
          <cell r="Q59" t="str">
            <v>サーモスL 面格子付(Ar)</v>
          </cell>
        </row>
        <row r="60">
          <cell r="L60" t="str">
            <v>JW024210A外窓交換（防火・防風・防犯仕様）A</v>
          </cell>
          <cell r="M60" t="str">
            <v>JW024210A</v>
          </cell>
          <cell r="N60" t="str">
            <v>窓</v>
          </cell>
          <cell r="O60" t="str">
            <v>外窓交換（防火・防風・防犯仕様）</v>
          </cell>
          <cell r="P60" t="str">
            <v>株式会社ＬＩＸＩＬ</v>
          </cell>
          <cell r="Q60" t="str">
            <v>サーモスL 面格子付(乾燥空気)</v>
          </cell>
        </row>
        <row r="61">
          <cell r="L61" t="str">
            <v>JW024211S外窓交換（防火・防風・防犯仕様）S</v>
          </cell>
          <cell r="M61" t="str">
            <v>JW024211S</v>
          </cell>
          <cell r="N61" t="str">
            <v>窓</v>
          </cell>
          <cell r="O61" t="str">
            <v>外窓交換（防火・防風・防犯仕様）</v>
          </cell>
          <cell r="P61" t="str">
            <v>株式会社ＬＩＸＩＬ</v>
          </cell>
          <cell r="Q61" t="str">
            <v>サーモスIIH シャッター付引違い窓(Ar)</v>
          </cell>
        </row>
        <row r="62">
          <cell r="L62" t="str">
            <v>JW024212S外窓交換（防火・防風・防犯仕様）S</v>
          </cell>
          <cell r="M62" t="str">
            <v>JW024212S</v>
          </cell>
          <cell r="N62" t="str">
            <v>窓</v>
          </cell>
          <cell r="O62" t="str">
            <v>外窓交換（防火・防風・防犯仕様）</v>
          </cell>
          <cell r="P62" t="str">
            <v>株式会社ＬＩＸＩＬ</v>
          </cell>
          <cell r="Q62" t="str">
            <v>サーモスIIH シャッター付引違い窓(乾燥空気・中空層15mm以上)</v>
          </cell>
        </row>
        <row r="63">
          <cell r="L63" t="str">
            <v>JW024213A外窓交換（防火・防風・防犯仕様）A</v>
          </cell>
          <cell r="M63" t="str">
            <v>JW024213A</v>
          </cell>
          <cell r="N63" t="str">
            <v>窓</v>
          </cell>
          <cell r="O63" t="str">
            <v>外窓交換（防火・防風・防犯仕様）</v>
          </cell>
          <cell r="P63" t="str">
            <v>株式会社ＬＩＸＩＬ</v>
          </cell>
          <cell r="Q63" t="str">
            <v>サーモスIIH シャッター付引違い窓(乾燥空気)</v>
          </cell>
        </row>
        <row r="64">
          <cell r="L64" t="str">
            <v>JW024214S外窓交換（防火・防風・防犯仕様）S</v>
          </cell>
          <cell r="M64" t="str">
            <v>JW024214S</v>
          </cell>
          <cell r="N64" t="str">
            <v>窓</v>
          </cell>
          <cell r="O64" t="str">
            <v>外窓交換（防火・防風・防犯仕様）</v>
          </cell>
          <cell r="P64" t="str">
            <v>株式会社ＬＩＸＩＬ</v>
          </cell>
          <cell r="Q64" t="str">
            <v>サーモスIIH 雨戸付引違い窓(Ar)</v>
          </cell>
        </row>
        <row r="65">
          <cell r="L65" t="str">
            <v>JW024215S外窓交換（防火・防風・防犯仕様）S</v>
          </cell>
          <cell r="M65" t="str">
            <v>JW024215S</v>
          </cell>
          <cell r="N65" t="str">
            <v>窓</v>
          </cell>
          <cell r="O65" t="str">
            <v>外窓交換（防火・防風・防犯仕様）</v>
          </cell>
          <cell r="P65" t="str">
            <v>株式会社ＬＩＸＩＬ</v>
          </cell>
          <cell r="Q65" t="str">
            <v>サーモスIIH 雨戸付引違い窓(乾燥空気・中空層15mm以上)</v>
          </cell>
        </row>
        <row r="66">
          <cell r="L66" t="str">
            <v>JW024216A外窓交換（防火・防風・防犯仕様）A</v>
          </cell>
          <cell r="M66" t="str">
            <v>JW024216A</v>
          </cell>
          <cell r="N66" t="str">
            <v>窓</v>
          </cell>
          <cell r="O66" t="str">
            <v>外窓交換（防火・防風・防犯仕様）</v>
          </cell>
          <cell r="P66" t="str">
            <v>株式会社ＬＩＸＩＬ</v>
          </cell>
          <cell r="Q66" t="str">
            <v>サーモスIIH 雨戸付引違い窓(乾燥空気)</v>
          </cell>
        </row>
        <row r="67">
          <cell r="L67" t="str">
            <v>JW024217S外窓交換（防火・防風・防犯仕様）S</v>
          </cell>
          <cell r="M67" t="str">
            <v>JW024217S</v>
          </cell>
          <cell r="N67" t="str">
            <v>窓</v>
          </cell>
          <cell r="O67" t="str">
            <v>外窓交換（防火・防風・防犯仕様）</v>
          </cell>
          <cell r="P67" t="str">
            <v>株式会社ＬＩＸＩＬ</v>
          </cell>
          <cell r="Q67" t="str">
            <v>サーモスIIH 面格子付(Ar)(中空層14mm以上)</v>
          </cell>
        </row>
        <row r="68">
          <cell r="L68" t="str">
            <v>JW024218S外窓交換（防火・防風・防犯仕様）S</v>
          </cell>
          <cell r="M68" t="str">
            <v>JW024218S</v>
          </cell>
          <cell r="N68" t="str">
            <v>窓</v>
          </cell>
          <cell r="O68" t="str">
            <v>外窓交換（防火・防風・防犯仕様）</v>
          </cell>
          <cell r="P68" t="str">
            <v>株式会社ＬＩＸＩＬ</v>
          </cell>
          <cell r="Q68" t="str">
            <v>サーモスIIH 面格子付(Ar・Low-Eグリーン・中空層13mm以上)</v>
          </cell>
        </row>
        <row r="69">
          <cell r="L69" t="str">
            <v>JW024219A外窓交換（防火・防風・防犯仕様）A</v>
          </cell>
          <cell r="M69" t="str">
            <v>JW024219A</v>
          </cell>
          <cell r="N69" t="str">
            <v>窓</v>
          </cell>
          <cell r="O69" t="str">
            <v>外窓交換（防火・防風・防犯仕様）</v>
          </cell>
          <cell r="P69" t="str">
            <v>株式会社ＬＩＸＩＬ</v>
          </cell>
          <cell r="Q69" t="str">
            <v>サーモスIIH 面格子付(Ar)</v>
          </cell>
        </row>
        <row r="70">
          <cell r="L70" t="str">
            <v>JW024220A外窓交換（防火・防風・防犯仕様）A</v>
          </cell>
          <cell r="M70" t="str">
            <v>JW024220A</v>
          </cell>
          <cell r="N70" t="str">
            <v>窓</v>
          </cell>
          <cell r="O70" t="str">
            <v>外窓交換（防火・防風・防犯仕様）</v>
          </cell>
          <cell r="P70" t="str">
            <v>株式会社ＬＩＸＩＬ</v>
          </cell>
          <cell r="Q70" t="str">
            <v>サーモスIIH 面格子付(乾燥空気)</v>
          </cell>
        </row>
        <row r="71">
          <cell r="L71" t="str">
            <v>JW024221A外窓交換（防火・防風・防犯仕様）A</v>
          </cell>
          <cell r="M71" t="str">
            <v>JW024221A</v>
          </cell>
          <cell r="N71" t="str">
            <v>窓</v>
          </cell>
          <cell r="O71" t="str">
            <v>外窓交換（防火・防風・防犯仕様）</v>
          </cell>
          <cell r="P71" t="str">
            <v>株式会社ＬＩＸＩＬ</v>
          </cell>
          <cell r="Q71" t="str">
            <v>防火戸FG-L 開き窓テラス Low-E(Ar)</v>
          </cell>
        </row>
        <row r="72">
          <cell r="L72" t="str">
            <v>JW024222A外窓交換（防火・防風・防犯仕様）A</v>
          </cell>
          <cell r="M72" t="str">
            <v>JW024222A</v>
          </cell>
          <cell r="N72" t="str">
            <v>窓</v>
          </cell>
          <cell r="O72" t="str">
            <v>外窓交換（防火・防風・防犯仕様）</v>
          </cell>
          <cell r="P72" t="str">
            <v>株式会社ＬＩＸＩＬ</v>
          </cell>
          <cell r="Q72" t="str">
            <v>防火戸FG-H 開き窓テラス Low-E(Ar)</v>
          </cell>
        </row>
        <row r="73">
          <cell r="L73" t="str">
            <v>JW024223S外窓交換（防火・防風・防犯仕様）S</v>
          </cell>
          <cell r="M73" t="str">
            <v>JW024223S</v>
          </cell>
          <cell r="N73" t="str">
            <v>窓</v>
          </cell>
          <cell r="O73" t="str">
            <v>外窓交換（防火・防風・防犯仕様）</v>
          </cell>
          <cell r="P73" t="str">
            <v>株式会社ＬＩＸＩＬ</v>
          </cell>
          <cell r="Q73" t="str">
            <v>TW シャッター付引違い窓ダブルLow-E三層(Kr)</v>
          </cell>
        </row>
        <row r="74">
          <cell r="L74" t="str">
            <v>JW024224S外窓交換（防火・防風・防犯仕様）S</v>
          </cell>
          <cell r="M74" t="str">
            <v>JW024224S</v>
          </cell>
          <cell r="N74" t="str">
            <v>窓</v>
          </cell>
          <cell r="O74" t="str">
            <v>外窓交換（防火・防風・防犯仕様）</v>
          </cell>
          <cell r="P74" t="str">
            <v>株式会社ＬＩＸＩＬ</v>
          </cell>
          <cell r="Q74" t="str">
            <v>TW シャッター付引違い窓ダブルLow-E三層(Ar)</v>
          </cell>
        </row>
        <row r="75">
          <cell r="L75" t="str">
            <v>JW024225S外窓交換（防火・防風・防犯仕様）S</v>
          </cell>
          <cell r="M75" t="str">
            <v>JW024225S</v>
          </cell>
          <cell r="N75" t="str">
            <v>窓</v>
          </cell>
          <cell r="O75" t="str">
            <v>外窓交換（防火・防風・防犯仕様）</v>
          </cell>
          <cell r="P75" t="str">
            <v>株式会社ＬＩＸＩＬ</v>
          </cell>
          <cell r="Q75" t="str">
            <v>TW シャッター付引違い窓複層ガラス(Ar)</v>
          </cell>
        </row>
        <row r="76">
          <cell r="L76" t="str">
            <v>JW024226S外窓交換（防火・防風・防犯仕様）S</v>
          </cell>
          <cell r="M76" t="str">
            <v>JW024226S</v>
          </cell>
          <cell r="N76" t="str">
            <v>窓</v>
          </cell>
          <cell r="O76" t="str">
            <v>外窓交換（防火・防風・防犯仕様）</v>
          </cell>
          <cell r="P76" t="str">
            <v>株式会社ＬＩＸＩＬ</v>
          </cell>
          <cell r="Q76" t="str">
            <v>TW 面格子付ダブルLow-E三層(Kr)</v>
          </cell>
        </row>
        <row r="77">
          <cell r="L77" t="str">
            <v>JW024227S外窓交換（防火・防風・防犯仕様）S</v>
          </cell>
          <cell r="M77" t="str">
            <v>JW024227S</v>
          </cell>
          <cell r="N77" t="str">
            <v>窓</v>
          </cell>
          <cell r="O77" t="str">
            <v>外窓交換（防火・防風・防犯仕様）</v>
          </cell>
          <cell r="P77" t="str">
            <v>株式会社ＬＩＸＩＬ</v>
          </cell>
          <cell r="Q77" t="str">
            <v>TW 面格子付ダブルLow-E三層(Ar)</v>
          </cell>
        </row>
        <row r="78">
          <cell r="L78" t="str">
            <v>JW024228S外窓交換（防火・防風・防犯仕様）S</v>
          </cell>
          <cell r="M78" t="str">
            <v>JW024228S</v>
          </cell>
          <cell r="N78" t="str">
            <v>窓</v>
          </cell>
          <cell r="O78" t="str">
            <v>外窓交換（防火・防風・防犯仕様）</v>
          </cell>
          <cell r="P78" t="str">
            <v>株式会社ＬＩＸＩＬ</v>
          </cell>
          <cell r="Q78" t="str">
            <v>TW 面格子付複層ガラス(Ar)</v>
          </cell>
        </row>
        <row r="79">
          <cell r="L79" t="str">
            <v>JW024229S外窓交換（防火・防風・防犯仕様）S</v>
          </cell>
          <cell r="M79" t="str">
            <v>JW024229S</v>
          </cell>
          <cell r="N79" t="str">
            <v>窓</v>
          </cell>
          <cell r="O79" t="str">
            <v>外窓交換（防火・防風・防犯仕様）</v>
          </cell>
          <cell r="P79" t="str">
            <v>株式会社ＬＩＸＩＬ</v>
          </cell>
          <cell r="Q79" t="str">
            <v>TW防火戸 シャッター付引違い窓 ダブルLow-E三層(Kr)</v>
          </cell>
        </row>
        <row r="80">
          <cell r="L80" t="str">
            <v>JW024230S外窓交換（防火・防風・防犯仕様）S</v>
          </cell>
          <cell r="M80" t="str">
            <v>JW024230S</v>
          </cell>
          <cell r="N80" t="str">
            <v>窓</v>
          </cell>
          <cell r="O80" t="str">
            <v>外窓交換（防火・防風・防犯仕様）</v>
          </cell>
          <cell r="P80" t="str">
            <v>株式会社ＬＩＸＩＬ</v>
          </cell>
          <cell r="Q80" t="str">
            <v>TW防火戸 シャッター付引違い窓 ダブルLow-E三層(Ar)</v>
          </cell>
        </row>
        <row r="81">
          <cell r="L81" t="str">
            <v>JW024231S外窓交換（防火・防風・防犯仕様）S</v>
          </cell>
          <cell r="M81" t="str">
            <v>JW024231S</v>
          </cell>
          <cell r="N81" t="str">
            <v>窓</v>
          </cell>
          <cell r="O81" t="str">
            <v>外窓交換（防火・防風・防犯仕様）</v>
          </cell>
          <cell r="P81" t="str">
            <v>株式会社ＬＩＸＩＬ</v>
          </cell>
          <cell r="Q81" t="str">
            <v>TW防火戸 シャッター付引違い窓 LowE(Ar)</v>
          </cell>
        </row>
        <row r="82">
          <cell r="L82" t="str">
            <v>JW024232S外窓交換（防火・防風・防犯仕様）S</v>
          </cell>
          <cell r="M82" t="str">
            <v>JW024232S</v>
          </cell>
          <cell r="N82" t="str">
            <v>窓</v>
          </cell>
          <cell r="O82" t="str">
            <v>外窓交換（防火・防風・防犯仕様）</v>
          </cell>
          <cell r="P82" t="str">
            <v>株式会社ＬＩＸＩＬ</v>
          </cell>
          <cell r="Q82" t="str">
            <v>TW防火戸 LowE(Ar)</v>
          </cell>
        </row>
        <row r="83">
          <cell r="L83" t="str">
            <v>JW024233S外窓交換（防火・防風・防犯仕様）S</v>
          </cell>
          <cell r="M83" t="str">
            <v>JW024233S</v>
          </cell>
          <cell r="N83" t="str">
            <v>窓</v>
          </cell>
          <cell r="O83" t="str">
            <v>外窓交換（防火・防風・防犯仕様）</v>
          </cell>
          <cell r="P83" t="str">
            <v>株式会社ＬＩＸＩＬ</v>
          </cell>
          <cell r="Q83" t="str">
            <v>TW防火戸 開き窓テラス Low-E(Ar)</v>
          </cell>
        </row>
        <row r="84">
          <cell r="L84" t="str">
            <v>JW024234A外窓交換（防火・防風・防犯仕様）A</v>
          </cell>
          <cell r="M84" t="str">
            <v>JW024234A</v>
          </cell>
          <cell r="N84" t="str">
            <v>窓</v>
          </cell>
          <cell r="O84" t="str">
            <v>外窓交換（防火・防風・防犯仕様）</v>
          </cell>
          <cell r="P84" t="str">
            <v>株式会社ＬＩＸＩＬ</v>
          </cell>
          <cell r="Q84" t="str">
            <v>TW防火戸 採風勝手口ドア Low-E(Ar)</v>
          </cell>
        </row>
        <row r="85">
          <cell r="L85" t="str">
            <v>JW025101A外窓交換（防火・防風・防犯仕様）A</v>
          </cell>
          <cell r="M85" t="str">
            <v>JW025101A</v>
          </cell>
          <cell r="N85" t="str">
            <v>窓</v>
          </cell>
          <cell r="O85" t="str">
            <v>外窓交換（防火・防風・防犯仕様）</v>
          </cell>
          <cell r="P85" t="str">
            <v>株式会社ＬＩＸＩＬ</v>
          </cell>
          <cell r="Q85" t="str">
            <v>防火戸FG-L Low-E（Ar）</v>
          </cell>
        </row>
        <row r="86">
          <cell r="L86" t="str">
            <v>JW025102A外窓交換（防火・防風・防犯仕様）A</v>
          </cell>
          <cell r="M86" t="str">
            <v>JW025102A</v>
          </cell>
          <cell r="N86" t="str">
            <v>窓</v>
          </cell>
          <cell r="O86" t="str">
            <v>外窓交換（防火・防風・防犯仕様）</v>
          </cell>
          <cell r="P86" t="str">
            <v>株式会社ＬＩＸＩＬ</v>
          </cell>
          <cell r="Q86" t="str">
            <v>防火戸FG-L シャッター付引違い窓 Low-E（Ar）</v>
          </cell>
        </row>
        <row r="87">
          <cell r="L87" t="str">
            <v>JW026101A外窓交換（防火・防風・防犯仕様）A</v>
          </cell>
          <cell r="M87" t="str">
            <v>JW026101A</v>
          </cell>
          <cell r="N87" t="str">
            <v>窓</v>
          </cell>
          <cell r="O87" t="str">
            <v>外窓交換（防火・防風・防犯仕様）</v>
          </cell>
          <cell r="P87" t="str">
            <v>株式会社ＬＩＸＩＬ</v>
          </cell>
          <cell r="Q87" t="str">
            <v>防火戸FG-C シャッター付引違い窓 Low-E（Ar）</v>
          </cell>
        </row>
        <row r="88">
          <cell r="L88" t="str">
            <v>JW027101A外窓交換（防火・防風・防犯仕様）A</v>
          </cell>
          <cell r="M88" t="str">
            <v>JW027101A</v>
          </cell>
          <cell r="N88" t="str">
            <v>窓</v>
          </cell>
          <cell r="O88" t="str">
            <v>外窓交換（防火・防風・防犯仕様）</v>
          </cell>
          <cell r="P88" t="str">
            <v>株式会社ＬＩＸＩＬ</v>
          </cell>
          <cell r="Q88" t="str">
            <v>防火戸サーモスX LowE（Ar）</v>
          </cell>
        </row>
        <row r="89">
          <cell r="L89" t="str">
            <v>JW027102A外窓交換（防火・防風・防犯仕様）A</v>
          </cell>
          <cell r="M89" t="str">
            <v>JW027102A</v>
          </cell>
          <cell r="N89" t="str">
            <v>窓</v>
          </cell>
          <cell r="O89" t="str">
            <v>外窓交換（防火・防風・防犯仕様）</v>
          </cell>
          <cell r="P89" t="str">
            <v>株式会社ＬＩＸＩＬ</v>
          </cell>
          <cell r="Q89" t="str">
            <v>防火戸サーモスX シャッター付引違い窓 Low-E三層（Ar）</v>
          </cell>
        </row>
        <row r="90">
          <cell r="L90" t="str">
            <v>JW027103S外窓交換（防火・防風・防犯仕様）S</v>
          </cell>
          <cell r="M90" t="str">
            <v>JW027103S</v>
          </cell>
          <cell r="N90" t="str">
            <v>窓</v>
          </cell>
          <cell r="O90" t="str">
            <v>外窓交換（防火・防風・防犯仕様）</v>
          </cell>
          <cell r="P90" t="str">
            <v>株式会社ＬＩＸＩＬ</v>
          </cell>
          <cell r="Q90" t="str">
            <v>防火戸サーモスX シャッター付引違い窓 Low-E三層（Kr）</v>
          </cell>
        </row>
        <row r="91">
          <cell r="L91" t="str">
            <v>JW027104S外窓交換（防火・防風・防犯仕様）S</v>
          </cell>
          <cell r="M91" t="str">
            <v>JW027104S</v>
          </cell>
          <cell r="N91" t="str">
            <v>窓</v>
          </cell>
          <cell r="O91" t="str">
            <v>外窓交換（防火・防風・防犯仕様）</v>
          </cell>
          <cell r="P91" t="str">
            <v>株式会社ＬＩＸＩＬ</v>
          </cell>
          <cell r="Q91" t="str">
            <v>防火戸サーモスX シャッター付引違い窓 ダブルLow-E三層（Ar）</v>
          </cell>
        </row>
        <row r="92">
          <cell r="L92" t="str">
            <v>JW027105S外窓交換（防火・防風・防犯仕様）S</v>
          </cell>
          <cell r="M92" t="str">
            <v>JW027105S</v>
          </cell>
          <cell r="N92" t="str">
            <v>窓</v>
          </cell>
          <cell r="O92" t="str">
            <v>外窓交換（防火・防風・防犯仕様）</v>
          </cell>
          <cell r="P92" t="str">
            <v>株式会社ＬＩＸＩＬ</v>
          </cell>
          <cell r="Q92" t="str">
            <v>防火戸サーモスX シャッター付引違い窓 ダブルLow-E三層（Kr）</v>
          </cell>
        </row>
        <row r="93">
          <cell r="L93" t="str">
            <v>JW027106A外窓交換（防火・防風・防犯仕様）A</v>
          </cell>
          <cell r="M93" t="str">
            <v>JW027106A</v>
          </cell>
          <cell r="N93" t="str">
            <v>窓</v>
          </cell>
          <cell r="O93" t="str">
            <v>外窓交換（防火・防風・防犯仕様）</v>
          </cell>
          <cell r="P93" t="str">
            <v>株式会社ＬＩＸＩＬ</v>
          </cell>
          <cell r="Q93" t="str">
            <v>防火戸サーモスX 採風勝手口ドア Low-E（Ar）</v>
          </cell>
        </row>
        <row r="94">
          <cell r="L94" t="str">
            <v>JW028101A外窓交換（防火・防風・防犯仕様）A</v>
          </cell>
          <cell r="M94" t="str">
            <v>JW028101A</v>
          </cell>
          <cell r="N94" t="str">
            <v>窓</v>
          </cell>
          <cell r="O94" t="str">
            <v>外窓交換（防火・防風・防犯仕様）</v>
          </cell>
          <cell r="P94" t="str">
            <v>株式会社ＬＩＸＩＬ</v>
          </cell>
          <cell r="Q94" t="str">
            <v>防火戸FG-F Low-E（Ar）</v>
          </cell>
        </row>
        <row r="95">
          <cell r="L95" t="str">
            <v>JW029031S外窓交換S</v>
          </cell>
          <cell r="M95" t="str">
            <v>JW029031S</v>
          </cell>
          <cell r="N95" t="str">
            <v>防災ガラス窓</v>
          </cell>
          <cell r="O95" t="str">
            <v>外窓交換</v>
          </cell>
          <cell r="P95" t="str">
            <v>株式会社ＬＩＸＩＬ</v>
          </cell>
          <cell r="Q95" t="str">
            <v>【防災】サーモスX Low-E複層（Ar）</v>
          </cell>
        </row>
        <row r="96">
          <cell r="L96" t="str">
            <v>JW029032S外窓交換S</v>
          </cell>
          <cell r="M96" t="str">
            <v>JW029032S</v>
          </cell>
          <cell r="N96" t="str">
            <v>防災ガラス窓</v>
          </cell>
          <cell r="O96" t="str">
            <v>外窓交換</v>
          </cell>
          <cell r="P96" t="str">
            <v>株式会社ＬＩＸＩＬ</v>
          </cell>
          <cell r="Q96" t="str">
            <v>【防災】サーモスX テラスドア Low-E複層（Ar）</v>
          </cell>
        </row>
        <row r="97">
          <cell r="L97" t="str">
            <v>JW029033S外窓交換S</v>
          </cell>
          <cell r="M97" t="str">
            <v>JW029033S</v>
          </cell>
          <cell r="N97" t="str">
            <v>防災ガラス窓</v>
          </cell>
          <cell r="O97" t="str">
            <v>外窓交換</v>
          </cell>
          <cell r="P97" t="str">
            <v>株式会社ＬＩＸＩＬ</v>
          </cell>
          <cell r="Q97" t="str">
            <v>【防災】サーモスX 採風勝手口ドア Low-E複層（Ar）</v>
          </cell>
        </row>
        <row r="98">
          <cell r="L98" t="str">
            <v>JW029034S外窓交換S</v>
          </cell>
          <cell r="M98" t="str">
            <v>JW029034S</v>
          </cell>
          <cell r="N98" t="str">
            <v>防災ガラス窓</v>
          </cell>
          <cell r="O98" t="str">
            <v>外窓交換</v>
          </cell>
          <cell r="P98" t="str">
            <v>株式会社ＬＩＸＩＬ</v>
          </cell>
          <cell r="Q98" t="str">
            <v>【防災】サーモスX 勝手口ドア Low-E複層（Ar）</v>
          </cell>
        </row>
        <row r="99">
          <cell r="L99" t="str">
            <v>JW029041S外窓交換S</v>
          </cell>
          <cell r="M99" t="str">
            <v>JW029041S</v>
          </cell>
          <cell r="N99" t="str">
            <v>防災ガラス窓</v>
          </cell>
          <cell r="O99" t="str">
            <v>外窓交換</v>
          </cell>
          <cell r="P99" t="str">
            <v>株式会社ＬＩＸＩＬ</v>
          </cell>
          <cell r="Q99" t="str">
            <v>【防災】防火戸サーモスX シャッター付引違い窓 Low-E複層（Ar）</v>
          </cell>
        </row>
        <row r="100">
          <cell r="L100" t="str">
            <v>JW029051S外窓交換S</v>
          </cell>
          <cell r="M100" t="str">
            <v>JW029051S</v>
          </cell>
          <cell r="N100" t="str">
            <v>防災ガラス窓</v>
          </cell>
          <cell r="O100" t="str">
            <v>外窓交換</v>
          </cell>
          <cell r="P100" t="str">
            <v>株式会社ＬＩＸＩＬ</v>
          </cell>
          <cell r="Q100" t="str">
            <v>【防災】LW Low-E複層（Ar）</v>
          </cell>
        </row>
        <row r="101">
          <cell r="L101" t="str">
            <v>JW029071S外窓交換S</v>
          </cell>
          <cell r="M101" t="str">
            <v>JW029071S</v>
          </cell>
          <cell r="N101" t="str">
            <v>防災ガラス窓</v>
          </cell>
          <cell r="O101" t="str">
            <v>外窓交換</v>
          </cell>
          <cell r="P101" t="str">
            <v>株式会社ＬＩＸＩＬ</v>
          </cell>
          <cell r="Q101" t="str">
            <v>【防災】PRESEA-H Low-Eグリーン複層（Ar）</v>
          </cell>
        </row>
        <row r="102">
          <cell r="L102" t="str">
            <v>JW029081Aカバー工法A</v>
          </cell>
          <cell r="M102" t="str">
            <v>JW029081A</v>
          </cell>
          <cell r="N102" t="str">
            <v>防災ガラス窓</v>
          </cell>
          <cell r="O102" t="str">
            <v>カバー工法</v>
          </cell>
          <cell r="P102" t="str">
            <v>株式会社ＬＩＸＩＬ</v>
          </cell>
          <cell r="Q102" t="str">
            <v>【防災】PRESEA-H RF Low-E複層（Ar）</v>
          </cell>
        </row>
        <row r="103">
          <cell r="L103" t="str">
            <v>JW029082Aカバー工法A</v>
          </cell>
          <cell r="M103" t="str">
            <v>JW029082A</v>
          </cell>
          <cell r="N103" t="str">
            <v>防災ガラス窓</v>
          </cell>
          <cell r="O103" t="str">
            <v>カバー工法</v>
          </cell>
          <cell r="P103" t="str">
            <v>株式会社ＬＩＸＩＬ</v>
          </cell>
          <cell r="Q103" t="str">
            <v>【防災】PRESEA-H RF Low-E複層</v>
          </cell>
        </row>
        <row r="104">
          <cell r="L104" t="str">
            <v>JW029101S外窓交換S</v>
          </cell>
          <cell r="M104" t="str">
            <v>JW029101S</v>
          </cell>
          <cell r="N104" t="str">
            <v>防災ガラス窓</v>
          </cell>
          <cell r="O104" t="str">
            <v>外窓交換</v>
          </cell>
          <cell r="P104" t="str">
            <v>株式会社ＬＩＸＩＬ</v>
          </cell>
          <cell r="Q104" t="str">
            <v>【防災】サーモスL 縦すべり出し窓・横すべり出し窓・高所用横すべり出し窓・FIX窓外押縁(Ar)</v>
          </cell>
        </row>
        <row r="105">
          <cell r="L105" t="str">
            <v>JW029102S外窓交換S</v>
          </cell>
          <cell r="M105" t="str">
            <v>JW029102S</v>
          </cell>
          <cell r="N105" t="str">
            <v>防災ガラス窓</v>
          </cell>
          <cell r="O105" t="str">
            <v>外窓交換</v>
          </cell>
          <cell r="P105" t="str">
            <v>株式会社ＬＩＸＩＬ</v>
          </cell>
          <cell r="Q105" t="str">
            <v>【防災】サーモスL FIX窓内押縁(Ar)</v>
          </cell>
        </row>
        <row r="106">
          <cell r="L106" t="str">
            <v>JW029103S外窓交換S</v>
          </cell>
          <cell r="M106" t="str">
            <v>JW029103S</v>
          </cell>
          <cell r="N106" t="str">
            <v>防災ガラス窓</v>
          </cell>
          <cell r="O106" t="str">
            <v>外窓交換</v>
          </cell>
          <cell r="P106" t="str">
            <v>株式会社ＬＩＸＩＬ</v>
          </cell>
          <cell r="Q106" t="str">
            <v>【防災】サーモスII 縦すべり出し窓・横すべり出し窓・高所用横すべり出し窓・FIX窓外押縁(Ar)</v>
          </cell>
        </row>
        <row r="107">
          <cell r="L107" t="str">
            <v>JW029104S外窓交換S</v>
          </cell>
          <cell r="M107" t="str">
            <v>JW029104S</v>
          </cell>
          <cell r="N107" t="str">
            <v>防災ガラス窓</v>
          </cell>
          <cell r="O107" t="str">
            <v>外窓交換</v>
          </cell>
          <cell r="P107" t="str">
            <v>株式会社ＬＩＸＩＬ</v>
          </cell>
          <cell r="Q107" t="str">
            <v>【防災】サーモスII FIX窓内押縁(Ar)</v>
          </cell>
        </row>
        <row r="108">
          <cell r="L108" t="str">
            <v>JW029105S外窓交換S</v>
          </cell>
          <cell r="M108" t="str">
            <v>JW029105S</v>
          </cell>
          <cell r="N108" t="str">
            <v>防災ガラス窓</v>
          </cell>
          <cell r="O108" t="str">
            <v>外窓交換</v>
          </cell>
          <cell r="P108" t="str">
            <v>株式会社ＬＩＸＩＬ</v>
          </cell>
          <cell r="Q108" t="str">
            <v>【防災】ＴＷ ダブルLow-E三層(Kr)</v>
          </cell>
        </row>
        <row r="109">
          <cell r="L109" t="str">
            <v>JW029106S外窓交換S</v>
          </cell>
          <cell r="M109" t="str">
            <v>JW029106S</v>
          </cell>
          <cell r="N109" t="str">
            <v>防災ガラス窓</v>
          </cell>
          <cell r="O109" t="str">
            <v>外窓交換</v>
          </cell>
          <cell r="P109" t="str">
            <v>株式会社ＬＩＸＩＬ</v>
          </cell>
          <cell r="Q109" t="str">
            <v>【防災】ＴＷ テラスドア・勝手口ドア ダブルLow-E三層(Kr)</v>
          </cell>
        </row>
        <row r="110">
          <cell r="L110" t="str">
            <v>JW029107S外窓交換S</v>
          </cell>
          <cell r="M110" t="str">
            <v>JW029107S</v>
          </cell>
          <cell r="N110" t="str">
            <v>防災ガラス窓</v>
          </cell>
          <cell r="O110" t="str">
            <v>外窓交換</v>
          </cell>
          <cell r="P110" t="str">
            <v>株式会社ＬＩＸＩＬ</v>
          </cell>
          <cell r="Q110" t="str">
            <v>【防災】ＴＷ 採風勝手口ドア ダブルLow-E三層(Kr)</v>
          </cell>
        </row>
        <row r="111">
          <cell r="L111" t="str">
            <v>JW029108S外窓交換S</v>
          </cell>
          <cell r="M111" t="str">
            <v>JW029108S</v>
          </cell>
          <cell r="N111" t="str">
            <v>防災ガラス窓</v>
          </cell>
          <cell r="O111" t="str">
            <v>外窓交換</v>
          </cell>
          <cell r="P111" t="str">
            <v>株式会社ＬＩＸＩＬ</v>
          </cell>
          <cell r="Q111" t="str">
            <v>【防災】ＴＷ ダブルLow-E三層(Ar)</v>
          </cell>
        </row>
        <row r="112">
          <cell r="L112" t="str">
            <v>JW029109S外窓交換S</v>
          </cell>
          <cell r="M112" t="str">
            <v>JW029109S</v>
          </cell>
          <cell r="N112" t="str">
            <v>防災ガラス窓</v>
          </cell>
          <cell r="O112" t="str">
            <v>外窓交換</v>
          </cell>
          <cell r="P112" t="str">
            <v>株式会社ＬＩＸＩＬ</v>
          </cell>
          <cell r="Q112" t="str">
            <v>【防災】ＴＷ テラスドア・勝手口ドア ダブルLow-E三層(Ar)</v>
          </cell>
        </row>
        <row r="113">
          <cell r="L113" t="str">
            <v>JW029110S外窓交換S</v>
          </cell>
          <cell r="M113" t="str">
            <v>JW029110S</v>
          </cell>
          <cell r="N113" t="str">
            <v>防災ガラス窓</v>
          </cell>
          <cell r="O113" t="str">
            <v>外窓交換</v>
          </cell>
          <cell r="P113" t="str">
            <v>株式会社ＬＩＸＩＬ</v>
          </cell>
          <cell r="Q113" t="str">
            <v>【防災】ＴＷ Low-E複層(Ar)</v>
          </cell>
        </row>
        <row r="114">
          <cell r="L114" t="str">
            <v>JW029111S外窓交換S</v>
          </cell>
          <cell r="M114" t="str">
            <v>JW029111S</v>
          </cell>
          <cell r="N114" t="str">
            <v>防災ガラス窓</v>
          </cell>
          <cell r="O114" t="str">
            <v>外窓交換</v>
          </cell>
          <cell r="P114" t="str">
            <v>株式会社ＬＩＸＩＬ</v>
          </cell>
          <cell r="Q114" t="str">
            <v>【防災】ＴＷ テラスドア・勝手口ドア Low-E複層(Ar)</v>
          </cell>
        </row>
        <row r="115">
          <cell r="L115" t="str">
            <v>JW029112S外窓交換S</v>
          </cell>
          <cell r="M115" t="str">
            <v>JW029112S</v>
          </cell>
          <cell r="N115" t="str">
            <v>防災ガラス窓</v>
          </cell>
          <cell r="O115" t="str">
            <v>外窓交換</v>
          </cell>
          <cell r="P115" t="str">
            <v>株式会社ＬＩＸＩＬ</v>
          </cell>
          <cell r="Q115" t="str">
            <v>【防災】ＴＷ防火戸 シャッター付引違い窓 ダブルLow-E三層(Kr)</v>
          </cell>
        </row>
        <row r="116">
          <cell r="L116" t="str">
            <v>JW029113S外窓交換S</v>
          </cell>
          <cell r="M116" t="str">
            <v>JW029113S</v>
          </cell>
          <cell r="N116" t="str">
            <v>防災ガラス窓</v>
          </cell>
          <cell r="O116" t="str">
            <v>外窓交換</v>
          </cell>
          <cell r="P116" t="str">
            <v>株式会社ＬＩＸＩＬ</v>
          </cell>
          <cell r="Q116" t="str">
            <v>【防災】ＴＷ防火戸 シャッター付引違い窓 ダブルLow-E三層(Ar)</v>
          </cell>
        </row>
        <row r="117">
          <cell r="L117" t="str">
            <v>JW029114S外窓交換S</v>
          </cell>
          <cell r="M117" t="str">
            <v>JW029114S</v>
          </cell>
          <cell r="N117" t="str">
            <v>防災ガラス窓</v>
          </cell>
          <cell r="O117" t="str">
            <v>外窓交換</v>
          </cell>
          <cell r="P117" t="str">
            <v>株式会社ＬＩＸＩＬ</v>
          </cell>
          <cell r="Q117" t="str">
            <v>【防災】ＴＷ防火戸 シャッター付引違い窓 Low-E複層(Ar)</v>
          </cell>
        </row>
        <row r="118">
          <cell r="L118" t="str">
            <v>JW032201A外窓交換（防火・防風・防犯仕様）A</v>
          </cell>
          <cell r="M118" t="str">
            <v>JW032201A</v>
          </cell>
          <cell r="N118" t="str">
            <v>窓</v>
          </cell>
          <cell r="O118" t="str">
            <v>外窓交換（防火・防風・防犯仕様）</v>
          </cell>
          <cell r="P118" t="str">
            <v>ＹＫＫ ＡＰ株式会社</v>
          </cell>
          <cell r="Q118" t="str">
            <v>APW330 防火窓（Ar）</v>
          </cell>
        </row>
        <row r="119">
          <cell r="L119" t="str">
            <v>JW032202A外窓交換（防火・防風・防犯仕様）A</v>
          </cell>
          <cell r="M119" t="str">
            <v>JW032202A</v>
          </cell>
          <cell r="N119" t="str">
            <v>窓</v>
          </cell>
          <cell r="O119" t="str">
            <v>外窓交換（防火・防風・防犯仕様）</v>
          </cell>
          <cell r="P119" t="str">
            <v>ＹＫＫ ＡＰ株式会社</v>
          </cell>
          <cell r="Q119" t="str">
            <v>APW330 防火窓</v>
          </cell>
        </row>
        <row r="120">
          <cell r="L120" t="str">
            <v>JW032203A外窓交換（防火・防風・防犯仕様）A</v>
          </cell>
          <cell r="M120" t="str">
            <v>JW032203A</v>
          </cell>
          <cell r="N120" t="str">
            <v>窓</v>
          </cell>
          <cell r="O120" t="str">
            <v>外窓交換（防火・防風・防犯仕様）</v>
          </cell>
          <cell r="P120" t="str">
            <v>ＹＫＫ ＡＰ株式会社</v>
          </cell>
          <cell r="Q120" t="str">
            <v>APW331 防火窓（Ar）</v>
          </cell>
        </row>
        <row r="121">
          <cell r="L121" t="str">
            <v>JW032204A外窓交換（防火・防風・防犯仕様）A</v>
          </cell>
          <cell r="M121" t="str">
            <v>JW032204A</v>
          </cell>
          <cell r="N121" t="str">
            <v>窓</v>
          </cell>
          <cell r="O121" t="str">
            <v>外窓交換（防火・防風・防犯仕様）</v>
          </cell>
          <cell r="P121" t="str">
            <v>ＹＫＫ ＡＰ株式会社</v>
          </cell>
          <cell r="Q121" t="str">
            <v>APW331 防火窓</v>
          </cell>
        </row>
        <row r="122">
          <cell r="L122" t="str">
            <v>JW032206A外窓交換（防火・防風・防犯仕様）A</v>
          </cell>
          <cell r="M122" t="str">
            <v>JW032206A</v>
          </cell>
          <cell r="N122" t="str">
            <v>窓</v>
          </cell>
          <cell r="O122" t="str">
            <v>外窓交換（防火・防風・防犯仕様）</v>
          </cell>
          <cell r="P122" t="str">
            <v>ＹＫＫ ＡＰ株式会社</v>
          </cell>
          <cell r="Q122" t="str">
            <v>APW331 防火窓 ｼｬｯﾀｰ付引違いﾃﾗｽ戸</v>
          </cell>
        </row>
        <row r="123">
          <cell r="L123" t="str">
            <v>JW032207S外窓交換（防火・防風・防犯仕様）S</v>
          </cell>
          <cell r="M123" t="str">
            <v>JW032207S</v>
          </cell>
          <cell r="N123" t="str">
            <v>窓</v>
          </cell>
          <cell r="O123" t="str">
            <v>外窓交換（防火・防風・防犯仕様）</v>
          </cell>
          <cell r="P123" t="str">
            <v>ＹＫＫ ＡＰ株式会社</v>
          </cell>
          <cell r="Q123" t="str">
            <v>APW331 防火窓 開き窓ﾃﾗｽ（Ar）</v>
          </cell>
        </row>
        <row r="124">
          <cell r="L124" t="str">
            <v>JW032208A外窓交換（防火・防風・防犯仕様）A</v>
          </cell>
          <cell r="M124" t="str">
            <v>JW032208A</v>
          </cell>
          <cell r="N124" t="str">
            <v>窓</v>
          </cell>
          <cell r="O124" t="str">
            <v>外窓交換（防火・防風・防犯仕様）</v>
          </cell>
          <cell r="P124" t="str">
            <v>ＹＫＫ ＡＰ株式会社</v>
          </cell>
          <cell r="Q124" t="str">
            <v>APW331 防火窓 開き窓ﾃﾗｽ</v>
          </cell>
        </row>
        <row r="125">
          <cell r="L125" t="str">
            <v>JW032209A外窓交換（防火・防風・防犯仕様）A</v>
          </cell>
          <cell r="M125" t="str">
            <v>JW032209A</v>
          </cell>
          <cell r="N125" t="str">
            <v>窓</v>
          </cell>
          <cell r="O125" t="str">
            <v>外窓交換（防火・防風・防犯仕様）</v>
          </cell>
          <cell r="P125" t="str">
            <v>ＹＫＫ ＡＰ株式会社</v>
          </cell>
          <cell r="Q125" t="str">
            <v>APW330防火窓　木目仕様</v>
          </cell>
        </row>
        <row r="126">
          <cell r="L126" t="str">
            <v>JW032210A外窓交換（防火・防風・防犯仕様）A</v>
          </cell>
          <cell r="M126" t="str">
            <v>JW032210A</v>
          </cell>
          <cell r="N126" t="str">
            <v>窓</v>
          </cell>
          <cell r="O126" t="str">
            <v>外窓交換（防火・防風・防犯仕様）</v>
          </cell>
          <cell r="P126" t="str">
            <v>ＹＫＫ ＡＰ株式会社</v>
          </cell>
          <cell r="Q126" t="str">
            <v>APW330防火窓　木目仕様（Ar）</v>
          </cell>
        </row>
        <row r="127">
          <cell r="L127" t="str">
            <v>JW032211S外窓交換（防火・防風・防犯仕様）S</v>
          </cell>
          <cell r="M127" t="str">
            <v>JW032211S</v>
          </cell>
          <cell r="N127" t="str">
            <v>窓</v>
          </cell>
          <cell r="O127" t="str">
            <v>外窓交換（防火・防風・防犯仕様）</v>
          </cell>
          <cell r="P127" t="str">
            <v>ＹＫＫ ＡＰ株式会社</v>
          </cell>
          <cell r="Q127" t="str">
            <v>APW330防火窓　木目仕様（真空トリプル）</v>
          </cell>
        </row>
        <row r="128">
          <cell r="L128" t="str">
            <v>JW032212A外窓交換（防火・防風・防犯仕様）A</v>
          </cell>
          <cell r="M128" t="str">
            <v>JW032212A</v>
          </cell>
          <cell r="N128" t="str">
            <v>窓</v>
          </cell>
          <cell r="O128" t="str">
            <v>外窓交換（防火・防風・防犯仕様）</v>
          </cell>
          <cell r="P128" t="str">
            <v>ＹＫＫ ＡＰ株式会社</v>
          </cell>
          <cell r="Q128" t="str">
            <v>APW331防火窓　木目仕様</v>
          </cell>
        </row>
        <row r="129">
          <cell r="L129" t="str">
            <v>JW032214S外窓交換（防火・防風・防犯仕様）S</v>
          </cell>
          <cell r="M129" t="str">
            <v>JW032214S</v>
          </cell>
          <cell r="N129" t="str">
            <v>窓</v>
          </cell>
          <cell r="O129" t="str">
            <v>外窓交換（防火・防風・防犯仕様）</v>
          </cell>
          <cell r="P129" t="str">
            <v>ＹＫＫ ＡＰ株式会社</v>
          </cell>
          <cell r="Q129" t="str">
            <v>APW331防火窓　木目仕様（真空トリプル）</v>
          </cell>
        </row>
        <row r="130">
          <cell r="L130" t="str">
            <v>JW032215A外窓交換（防火・防風・防犯仕様）A</v>
          </cell>
          <cell r="M130" t="str">
            <v>JW032215A</v>
          </cell>
          <cell r="N130" t="str">
            <v>窓</v>
          </cell>
          <cell r="O130" t="str">
            <v>外窓交換（防火・防風・防犯仕様）</v>
          </cell>
          <cell r="P130" t="str">
            <v>ＹＫＫ ＡＰ株式会社</v>
          </cell>
          <cell r="Q130" t="str">
            <v>APW331防火窓　木目仕様開き窓テラス（2シリンダー仕様）</v>
          </cell>
        </row>
        <row r="131">
          <cell r="L131" t="str">
            <v>JW032216A外窓交換（防火・防風・防犯仕様）A</v>
          </cell>
          <cell r="M131" t="str">
            <v>JW032216A</v>
          </cell>
          <cell r="N131" t="str">
            <v>窓</v>
          </cell>
          <cell r="O131" t="str">
            <v>外窓交換（防火・防風・防犯仕様）</v>
          </cell>
          <cell r="P131" t="str">
            <v>ＹＫＫ ＡＰ株式会社</v>
          </cell>
          <cell r="Q131" t="str">
            <v>APW331防火窓　木目仕様開き窓テラス（2シリンダー仕様）（Ar）</v>
          </cell>
        </row>
        <row r="132">
          <cell r="L132" t="str">
            <v>JW032301A外窓交換（防火・防風・防犯仕様）A</v>
          </cell>
          <cell r="M132" t="str">
            <v>JW032301A</v>
          </cell>
          <cell r="N132" t="str">
            <v>窓</v>
          </cell>
          <cell r="O132" t="str">
            <v>外窓交換（防火・防風・防犯仕様）</v>
          </cell>
          <cell r="P132" t="str">
            <v>ＹＫＫ ＡＰ株式会社</v>
          </cell>
          <cell r="Q132" t="str">
            <v>エピソードII防火窓GNEO　（Ar）（勝手口ﾄﾞｱ・開き窓ﾃﾗｽ・ﾌﾛｱ納まり片引き戸 除く）</v>
          </cell>
        </row>
        <row r="133">
          <cell r="L133" t="str">
            <v>JW032302A外窓交換（防火・防風・防犯仕様）A</v>
          </cell>
          <cell r="M133" t="str">
            <v>JW032302A</v>
          </cell>
          <cell r="N133" t="str">
            <v>窓</v>
          </cell>
          <cell r="O133" t="str">
            <v>外窓交換（防火・防風・防犯仕様）</v>
          </cell>
          <cell r="P133" t="str">
            <v>ＹＫＫ ＡＰ株式会社</v>
          </cell>
          <cell r="Q133" t="str">
            <v>エピソードII防火窓GNEO　耐熱強化複層ガラス仕様　ガス無(A14)</v>
          </cell>
        </row>
        <row r="134">
          <cell r="L134" t="str">
            <v>JW032303A外窓交換（防火・防風・防犯仕様）A</v>
          </cell>
          <cell r="M134" t="str">
            <v>JW032303A</v>
          </cell>
          <cell r="N134" t="str">
            <v>窓</v>
          </cell>
          <cell r="O134" t="str">
            <v>外窓交換（防火・防風・防犯仕様）</v>
          </cell>
          <cell r="P134" t="str">
            <v>ＹＫＫ ＡＰ株式会社</v>
          </cell>
          <cell r="Q134" t="str">
            <v>エピソードII防火窓GNEO-R　（Ar）（勝手口ﾄﾞｱ 除く）</v>
          </cell>
        </row>
        <row r="135">
          <cell r="L135" t="str">
            <v>JW032401S外窓交換（防火・防風・防犯仕様）S</v>
          </cell>
          <cell r="M135" t="str">
            <v>JW032401S</v>
          </cell>
          <cell r="N135" t="str">
            <v>窓</v>
          </cell>
          <cell r="O135" t="str">
            <v>外窓交換（防火・防風・防犯仕様）</v>
          </cell>
          <cell r="P135" t="str">
            <v>ＹＫＫ ＡＰ株式会社</v>
          </cell>
          <cell r="Q135" t="str">
            <v>APW430防火窓</v>
          </cell>
        </row>
        <row r="136">
          <cell r="L136" t="str">
            <v>JW032402S外窓交換（防火・防風・防犯仕様）S</v>
          </cell>
          <cell r="M136" t="str">
            <v>JW032402S</v>
          </cell>
          <cell r="N136" t="str">
            <v>窓</v>
          </cell>
          <cell r="O136" t="str">
            <v>外窓交換（防火・防風・防犯仕様）</v>
          </cell>
          <cell r="P136" t="str">
            <v>ＹＫＫ ＡＰ株式会社</v>
          </cell>
          <cell r="Q136" t="str">
            <v>APW431防火窓</v>
          </cell>
        </row>
        <row r="137">
          <cell r="L137" t="str">
            <v>JW033111Sカバー工法S</v>
          </cell>
          <cell r="M137" t="str">
            <v>JW033111S</v>
          </cell>
          <cell r="N137" t="str">
            <v>防災ガラス窓</v>
          </cell>
          <cell r="O137" t="str">
            <v>カバー工法</v>
          </cell>
          <cell r="P137" t="str">
            <v>ＹＫＫ ＡＰ株式会社</v>
          </cell>
          <cell r="Q137" t="str">
            <v>【防災】ﾏﾄﾞﾘﾓ 樹脂窓 北海道(Ar)</v>
          </cell>
        </row>
        <row r="138">
          <cell r="L138" t="str">
            <v>JW033112Aカバー工法A</v>
          </cell>
          <cell r="M138" t="str">
            <v>JW033112A</v>
          </cell>
          <cell r="N138" t="str">
            <v>防災ガラス窓</v>
          </cell>
          <cell r="O138" t="str">
            <v>カバー工法</v>
          </cell>
          <cell r="P138" t="str">
            <v>ＹＫＫ ＡＰ株式会社</v>
          </cell>
          <cell r="Q138" t="str">
            <v>【防災】ﾏﾄﾞﾘﾓ 樹脂窓 北海道</v>
          </cell>
        </row>
        <row r="139">
          <cell r="L139" t="str">
            <v>JW033114Sカバー工法S</v>
          </cell>
          <cell r="M139" t="str">
            <v>JW033114S</v>
          </cell>
          <cell r="N139" t="str">
            <v>防災ガラス窓</v>
          </cell>
          <cell r="O139" t="str">
            <v>カバー工法</v>
          </cell>
          <cell r="P139" t="str">
            <v>ＹＫＫ ＡＰ株式会社</v>
          </cell>
          <cell r="Q139" t="str">
            <v>【防災】ﾏﾄﾞﾘﾓ 断熱窓 樹脂窓(Ar)</v>
          </cell>
        </row>
        <row r="140">
          <cell r="L140" t="str">
            <v>JW033115Aカバー工法A</v>
          </cell>
          <cell r="M140" t="str">
            <v>JW033115A</v>
          </cell>
          <cell r="N140" t="str">
            <v>防災ガラス窓</v>
          </cell>
          <cell r="O140" t="str">
            <v>カバー工法</v>
          </cell>
          <cell r="P140" t="str">
            <v>ＹＫＫ ＡＰ株式会社</v>
          </cell>
          <cell r="Q140" t="str">
            <v>【防災】ﾏﾄﾞﾘﾓ 断熱窓 樹脂窓</v>
          </cell>
        </row>
        <row r="141">
          <cell r="L141" t="str">
            <v>JW033116Aカバー工法A</v>
          </cell>
          <cell r="M141" t="str">
            <v>JW033116A</v>
          </cell>
          <cell r="N141" t="str">
            <v>防災ガラス窓</v>
          </cell>
          <cell r="O141" t="str">
            <v>カバー工法</v>
          </cell>
          <cell r="P141" t="str">
            <v>ＹＫＫ ＡＰ株式会社</v>
          </cell>
          <cell r="Q141" t="str">
            <v>【防災】ﾏﾄﾞﾘﾓ 断熱窓 戸建用 ｱﾙﾐ樹脂複合窓 外部ｶﾊﾞｰ有(Ar)樹脂ｽﾍﾟｰｻｰ</v>
          </cell>
        </row>
        <row r="142">
          <cell r="L142" t="str">
            <v>JW033117Aカバー工法A</v>
          </cell>
          <cell r="M142" t="str">
            <v>JW033117A</v>
          </cell>
          <cell r="N142" t="str">
            <v>防災ガラス窓</v>
          </cell>
          <cell r="O142" t="str">
            <v>カバー工法</v>
          </cell>
          <cell r="P142" t="str">
            <v>ＹＫＫ ＡＰ株式会社</v>
          </cell>
          <cell r="Q142" t="str">
            <v>【防災】ﾏﾄﾞﾘﾓ 断熱窓 マンション用 ｱﾙﾐ樹脂複合窓 (Ar)樹脂スペーサー</v>
          </cell>
        </row>
        <row r="143">
          <cell r="L143" t="str">
            <v>JW033118Aカバー工法A</v>
          </cell>
          <cell r="M143" t="str">
            <v>JW033118A</v>
          </cell>
          <cell r="N143" t="str">
            <v>防災ガラス窓</v>
          </cell>
          <cell r="O143" t="str">
            <v>カバー工法</v>
          </cell>
          <cell r="P143" t="str">
            <v>ＹＫＫ ＡＰ株式会社</v>
          </cell>
          <cell r="Q143" t="str">
            <v>【防災】ﾏﾄﾞﾘﾓ 断熱窓 戸建用 ｱﾙﾐ樹脂複合窓 ｴﾋﾟｿｰﾄﾞII NEO-B 外部ｶﾊﾞｰ有(Ar)</v>
          </cell>
        </row>
        <row r="144">
          <cell r="L144" t="str">
            <v>JW033213S外窓交換S</v>
          </cell>
          <cell r="M144" t="str">
            <v>JW033213S</v>
          </cell>
          <cell r="N144" t="str">
            <v>防災ガラス窓</v>
          </cell>
          <cell r="O144" t="str">
            <v>外窓交換</v>
          </cell>
          <cell r="P144" t="str">
            <v>ＹＫＫ ＡＰ株式会社</v>
          </cell>
          <cell r="Q144" t="str">
            <v>【防災】APW330 ﾂｰｱｸｼｮﾝ窓</v>
          </cell>
        </row>
        <row r="145">
          <cell r="L145" t="str">
            <v>JW033214S外窓交換S</v>
          </cell>
          <cell r="M145" t="str">
            <v>JW033214S</v>
          </cell>
          <cell r="N145" t="str">
            <v>防災ガラス窓</v>
          </cell>
          <cell r="O145" t="str">
            <v>外窓交換</v>
          </cell>
          <cell r="P145" t="str">
            <v>ＹＫＫ ＡＰ株式会社</v>
          </cell>
          <cell r="Q145" t="str">
            <v>【防災】APW330 ﾂｰｱｸｼｮﾝ窓(Ar)</v>
          </cell>
        </row>
        <row r="146">
          <cell r="L146" t="str">
            <v>JW033228S外窓交換S</v>
          </cell>
          <cell r="M146" t="str">
            <v>JW033228S</v>
          </cell>
          <cell r="N146" t="str">
            <v>防災ガラス窓</v>
          </cell>
          <cell r="O146" t="str">
            <v>外窓交換</v>
          </cell>
          <cell r="P146" t="str">
            <v>ＹＫＫ ＡＰ株式会社</v>
          </cell>
          <cell r="Q146" t="str">
            <v>【防災】ﾌﾟﾗﾏｰﾄﾞH (Ar)</v>
          </cell>
        </row>
        <row r="147">
          <cell r="L147" t="str">
            <v>JW033229S外窓交換S</v>
          </cell>
          <cell r="M147" t="str">
            <v>JW033229S</v>
          </cell>
          <cell r="N147" t="str">
            <v>防災ガラス窓</v>
          </cell>
          <cell r="O147" t="str">
            <v>外窓交換</v>
          </cell>
          <cell r="P147" t="str">
            <v>ＹＫＫ ＡＰ株式会社</v>
          </cell>
          <cell r="Q147" t="str">
            <v>【防災】ﾌﾟﾗﾏｰﾄﾞH ﾃﾗｽﾄﾞｱ(Ar)</v>
          </cell>
        </row>
        <row r="148">
          <cell r="L148" t="str">
            <v>JW033231S外窓交換S</v>
          </cell>
          <cell r="M148" t="str">
            <v>JW033231S</v>
          </cell>
          <cell r="N148" t="str">
            <v>防災ガラス窓</v>
          </cell>
          <cell r="O148" t="str">
            <v>外窓交換</v>
          </cell>
          <cell r="P148" t="str">
            <v>ＹＫＫ ＡＰ株式会社</v>
          </cell>
          <cell r="Q148" t="str">
            <v>【防災】ﾌﾟﾗﾏｰﾄﾞH ﾃﾗｽﾄﾞｱ+FIX連窓(Ar)</v>
          </cell>
        </row>
        <row r="149">
          <cell r="L149" t="str">
            <v>JW033254S外窓交換S</v>
          </cell>
          <cell r="M149" t="str">
            <v>JW033254S</v>
          </cell>
          <cell r="N149" t="str">
            <v>防災ガラス窓</v>
          </cell>
          <cell r="O149" t="str">
            <v>外窓交換</v>
          </cell>
          <cell r="P149" t="str">
            <v>ＹＫＫ ＡＰ株式会社</v>
          </cell>
          <cell r="Q149" t="str">
            <v>【防災】ﾌﾟﾗﾏｰﾄﾞH (Ar)</v>
          </cell>
        </row>
        <row r="150">
          <cell r="L150" t="str">
            <v>JW033256S外窓交換S</v>
          </cell>
          <cell r="M150" t="str">
            <v>JW033256S</v>
          </cell>
          <cell r="N150" t="str">
            <v>防災ガラス窓</v>
          </cell>
          <cell r="O150" t="str">
            <v>外窓交換</v>
          </cell>
          <cell r="P150" t="str">
            <v>ＹＫＫ ＡＰ株式会社</v>
          </cell>
          <cell r="Q150" t="str">
            <v>【防災】ﾌﾟﾗﾏｰﾄﾞH (Ar)ﾃﾗｽﾄﾞｱ（断熱腰ﾊﾟﾈﾙ仕様除く）</v>
          </cell>
        </row>
        <row r="151">
          <cell r="L151" t="str">
            <v>JW033257S外窓交換S</v>
          </cell>
          <cell r="M151" t="str">
            <v>JW033257S</v>
          </cell>
          <cell r="N151" t="str">
            <v>防災ガラス窓</v>
          </cell>
          <cell r="O151" t="str">
            <v>外窓交換</v>
          </cell>
          <cell r="P151" t="str">
            <v>ＹＫＫ ＡＰ株式会社</v>
          </cell>
          <cell r="Q151" t="str">
            <v>【防災】APW430</v>
          </cell>
        </row>
        <row r="152">
          <cell r="L152" t="str">
            <v>JW033258S外窓交換S</v>
          </cell>
          <cell r="M152" t="str">
            <v>JW033258S</v>
          </cell>
          <cell r="N152" t="str">
            <v>防災ガラス窓</v>
          </cell>
          <cell r="O152" t="str">
            <v>外窓交換</v>
          </cell>
          <cell r="P152" t="str">
            <v>ＹＫＫ ＡＰ株式会社</v>
          </cell>
          <cell r="Q152" t="str">
            <v>【防災】APW431</v>
          </cell>
        </row>
        <row r="153">
          <cell r="L153" t="str">
            <v>JW033259S外窓交換S</v>
          </cell>
          <cell r="M153" t="str">
            <v>JW033259S</v>
          </cell>
          <cell r="N153" t="str">
            <v>防災ガラス窓</v>
          </cell>
          <cell r="O153" t="str">
            <v>外窓交換</v>
          </cell>
          <cell r="P153" t="str">
            <v>ＹＫＫ ＡＰ株式会社</v>
          </cell>
          <cell r="Q153" t="str">
            <v>【防災】APW430+</v>
          </cell>
        </row>
        <row r="154">
          <cell r="L154" t="str">
            <v>JW033261S外窓交換S</v>
          </cell>
          <cell r="M154" t="str">
            <v>JW033261S</v>
          </cell>
          <cell r="N154" t="str">
            <v>防災ガラス窓</v>
          </cell>
          <cell r="O154" t="str">
            <v>外窓交換</v>
          </cell>
          <cell r="P154" t="str">
            <v>ＹＫＫ ＡＰ株式会社</v>
          </cell>
          <cell r="Q154" t="str">
            <v>【防災】APW431+</v>
          </cell>
        </row>
        <row r="155">
          <cell r="L155" t="str">
            <v>JW033262S外窓交換S</v>
          </cell>
          <cell r="M155" t="str">
            <v>JW033262S</v>
          </cell>
          <cell r="N155" t="str">
            <v>防災ガラス窓</v>
          </cell>
          <cell r="O155" t="str">
            <v>外窓交換</v>
          </cell>
          <cell r="P155" t="str">
            <v>ＹＫＫ ＡＰ株式会社</v>
          </cell>
          <cell r="Q155" t="str">
            <v>【防災】APW430+(Kr)</v>
          </cell>
        </row>
        <row r="156">
          <cell r="L156" t="str">
            <v>JW033263S外窓交換S</v>
          </cell>
          <cell r="M156" t="str">
            <v>JW033263S</v>
          </cell>
          <cell r="N156" t="str">
            <v>防災ガラス窓</v>
          </cell>
          <cell r="O156" t="str">
            <v>外窓交換</v>
          </cell>
          <cell r="P156" t="str">
            <v>ＹＫＫ ＡＰ株式会社</v>
          </cell>
          <cell r="Q156" t="str">
            <v>【防災】APW431+(Kr)</v>
          </cell>
        </row>
        <row r="157">
          <cell r="L157" t="str">
            <v>JW033264S外窓交換S</v>
          </cell>
          <cell r="M157" t="str">
            <v>JW033264S</v>
          </cell>
          <cell r="N157" t="str">
            <v>防災ガラス窓</v>
          </cell>
          <cell r="O157" t="str">
            <v>外窓交換</v>
          </cell>
          <cell r="P157" t="str">
            <v>ＹＫＫ ＡＰ株式会社</v>
          </cell>
          <cell r="Q157" t="str">
            <v>【防災】APW430防火窓</v>
          </cell>
        </row>
        <row r="158">
          <cell r="L158" t="str">
            <v>JW033265S外窓交換S</v>
          </cell>
          <cell r="M158" t="str">
            <v>JW033265S</v>
          </cell>
          <cell r="N158" t="str">
            <v>防災ガラス窓</v>
          </cell>
          <cell r="O158" t="str">
            <v>外窓交換</v>
          </cell>
          <cell r="P158" t="str">
            <v>ＹＫＫ ＡＰ株式会社</v>
          </cell>
          <cell r="Q158" t="str">
            <v>【防災】APW431防火窓</v>
          </cell>
        </row>
        <row r="159">
          <cell r="L159" t="str">
            <v>JW033266S外窓交換S</v>
          </cell>
          <cell r="M159" t="str">
            <v>JW033266S</v>
          </cell>
          <cell r="N159" t="str">
            <v>防災ガラス窓</v>
          </cell>
          <cell r="O159" t="str">
            <v>外窓交換</v>
          </cell>
          <cell r="P159" t="str">
            <v>ＹＫＫ ＡＰ株式会社</v>
          </cell>
          <cell r="Q159" t="str">
            <v>【防災】APW431 ﾃﾗｽﾄﾞｱ</v>
          </cell>
        </row>
        <row r="160">
          <cell r="L160" t="str">
            <v>JW033267S外窓交換S</v>
          </cell>
          <cell r="M160" t="str">
            <v>JW033267S</v>
          </cell>
          <cell r="N160" t="str">
            <v>防災ガラス窓</v>
          </cell>
          <cell r="O160" t="str">
            <v>外窓交換</v>
          </cell>
          <cell r="P160" t="str">
            <v>ＹＫＫ ＡＰ株式会社</v>
          </cell>
          <cell r="Q160" t="str">
            <v>【防災】APW431 勝手口ﾄﾞｱ中桟無</v>
          </cell>
        </row>
        <row r="161">
          <cell r="L161" t="str">
            <v>JW033268S外窓交換S</v>
          </cell>
          <cell r="M161" t="str">
            <v>JW033268S</v>
          </cell>
          <cell r="N161" t="str">
            <v>防災ガラス窓</v>
          </cell>
          <cell r="O161" t="str">
            <v>外窓交換</v>
          </cell>
          <cell r="P161" t="str">
            <v>ＹＫＫ ＡＰ株式会社</v>
          </cell>
          <cell r="Q161" t="str">
            <v>【防災】APW431+ ﾃﾗｽﾄﾞｱ</v>
          </cell>
        </row>
        <row r="162">
          <cell r="L162" t="str">
            <v>JW033269S外窓交換S</v>
          </cell>
          <cell r="M162" t="str">
            <v>JW033269S</v>
          </cell>
          <cell r="N162" t="str">
            <v>防災ガラス窓</v>
          </cell>
          <cell r="O162" t="str">
            <v>外窓交換</v>
          </cell>
          <cell r="P162" t="str">
            <v>ＹＫＫ ＡＰ株式会社</v>
          </cell>
          <cell r="Q162" t="str">
            <v>【防災】APW431+ 勝手口ﾄﾞｱ中桟無</v>
          </cell>
        </row>
        <row r="163">
          <cell r="L163" t="str">
            <v>JW033271S外窓交換S</v>
          </cell>
          <cell r="M163" t="str">
            <v>JW033271S</v>
          </cell>
          <cell r="N163" t="str">
            <v>防災ガラス窓</v>
          </cell>
          <cell r="O163" t="str">
            <v>外窓交換</v>
          </cell>
          <cell r="P163" t="str">
            <v>ＹＫＫ ＡＰ株式会社</v>
          </cell>
          <cell r="Q163" t="str">
            <v>【防災】APW431+(Kr) ﾃﾗｽﾄﾞｱ</v>
          </cell>
        </row>
        <row r="164">
          <cell r="L164" t="str">
            <v>JW033272S外窓交換S</v>
          </cell>
          <cell r="M164" t="str">
            <v>JW033272S</v>
          </cell>
          <cell r="N164" t="str">
            <v>防災ガラス窓</v>
          </cell>
          <cell r="O164" t="str">
            <v>外窓交換</v>
          </cell>
          <cell r="P164" t="str">
            <v>ＹＫＫ ＡＰ株式会社</v>
          </cell>
          <cell r="Q164" t="str">
            <v>【防災】APW431+(Kr) 勝手口ﾄﾞｱ中桟無</v>
          </cell>
        </row>
        <row r="165">
          <cell r="L165" t="str">
            <v>JW033273S外窓交換S</v>
          </cell>
          <cell r="M165" t="str">
            <v>JW033273S</v>
          </cell>
          <cell r="N165" t="str">
            <v>防災ガラス窓</v>
          </cell>
          <cell r="O165" t="str">
            <v>外窓交換</v>
          </cell>
          <cell r="P165" t="str">
            <v>ＹＫＫ ＡＰ株式会社</v>
          </cell>
          <cell r="Q165" t="str">
            <v>【防災】APW330 (Ar)</v>
          </cell>
        </row>
        <row r="166">
          <cell r="L166" t="str">
            <v>JW033274S外窓交換S</v>
          </cell>
          <cell r="M166" t="str">
            <v>JW033274S</v>
          </cell>
          <cell r="N166" t="str">
            <v>防災ガラス窓</v>
          </cell>
          <cell r="O166" t="str">
            <v>外窓交換</v>
          </cell>
          <cell r="P166" t="str">
            <v>ＹＫＫ ＡＰ株式会社</v>
          </cell>
          <cell r="Q166" t="str">
            <v>【防災】APW331 (Ar)</v>
          </cell>
        </row>
        <row r="167">
          <cell r="L167" t="str">
            <v>JW033275S外窓交換S</v>
          </cell>
          <cell r="M167" t="str">
            <v>JW033275S</v>
          </cell>
          <cell r="N167" t="str">
            <v>防災ガラス窓</v>
          </cell>
          <cell r="O167" t="str">
            <v>外窓交換</v>
          </cell>
          <cell r="P167" t="str">
            <v>ＹＫＫ ＡＰ株式会社</v>
          </cell>
          <cell r="Q167" t="str">
            <v>【防災】APW331 テラスドア(Ar)</v>
          </cell>
        </row>
        <row r="168">
          <cell r="L168" t="str">
            <v>JW033276S外窓交換S</v>
          </cell>
          <cell r="M168" t="str">
            <v>JW033276S</v>
          </cell>
          <cell r="N168" t="str">
            <v>防災ガラス窓</v>
          </cell>
          <cell r="O168" t="str">
            <v>外窓交換</v>
          </cell>
          <cell r="P168" t="str">
            <v>ＹＫＫ ＡＰ株式会社</v>
          </cell>
          <cell r="Q168" t="str">
            <v>【防災】APW331 勝手口ドア中桟無(Ar)</v>
          </cell>
        </row>
        <row r="169">
          <cell r="L169" t="str">
            <v>JW033277S外窓交換S</v>
          </cell>
          <cell r="M169" t="str">
            <v>JW033277S</v>
          </cell>
          <cell r="N169" t="str">
            <v>防災ガラス窓</v>
          </cell>
          <cell r="O169" t="str">
            <v>外窓交換</v>
          </cell>
          <cell r="P169" t="str">
            <v>ＹＫＫ ＡＰ株式会社</v>
          </cell>
          <cell r="Q169" t="str">
            <v>【防災】APW330 木目仕様(Ar)</v>
          </cell>
        </row>
        <row r="170">
          <cell r="L170" t="str">
            <v>JW033278S外窓交換S</v>
          </cell>
          <cell r="M170" t="str">
            <v>JW033278S</v>
          </cell>
          <cell r="N170" t="str">
            <v>防災ガラス窓</v>
          </cell>
          <cell r="O170" t="str">
            <v>外窓交換</v>
          </cell>
          <cell r="P170" t="str">
            <v>ＹＫＫ ＡＰ株式会社</v>
          </cell>
          <cell r="Q170" t="str">
            <v>【防災】APW331 木目仕様(Ar)</v>
          </cell>
        </row>
        <row r="171">
          <cell r="L171" t="str">
            <v>JW033279S外窓交換S</v>
          </cell>
          <cell r="M171" t="str">
            <v>JW033279S</v>
          </cell>
          <cell r="N171" t="str">
            <v>防災ガラス窓</v>
          </cell>
          <cell r="O171" t="str">
            <v>外窓交換</v>
          </cell>
          <cell r="P171" t="str">
            <v>ＹＫＫ ＡＰ株式会社</v>
          </cell>
          <cell r="Q171" t="str">
            <v>【防災】APW331 木目仕様 テラスドア(Ar)</v>
          </cell>
        </row>
        <row r="172">
          <cell r="L172" t="str">
            <v>JW033280S外窓交換S</v>
          </cell>
          <cell r="M172" t="str">
            <v>JW033280S</v>
          </cell>
          <cell r="N172" t="str">
            <v>防災ガラス窓</v>
          </cell>
          <cell r="O172" t="str">
            <v>外窓交換</v>
          </cell>
          <cell r="P172" t="str">
            <v>ＹＫＫ ＡＰ株式会社</v>
          </cell>
          <cell r="Q172" t="str">
            <v>【防災】APW331 木目仕様 勝手口ドア中桟無(Ar)</v>
          </cell>
        </row>
        <row r="173">
          <cell r="L173" t="str">
            <v>JW033315S外窓交換S</v>
          </cell>
          <cell r="M173" t="str">
            <v>JW033315S</v>
          </cell>
          <cell r="N173" t="str">
            <v>防災ガラス窓</v>
          </cell>
          <cell r="O173" t="str">
            <v>外窓交換</v>
          </cell>
          <cell r="P173" t="str">
            <v>ＹＫＫ ＡＰ株式会社</v>
          </cell>
          <cell r="Q173" t="str">
            <v>【防災】APW511　Low-E複層ガラス（日射取得型）（Ar・樹脂SP）</v>
          </cell>
        </row>
        <row r="174">
          <cell r="L174" t="str">
            <v>JW033318S外窓交換S</v>
          </cell>
          <cell r="M174" t="str">
            <v>JW033318S</v>
          </cell>
          <cell r="N174" t="str">
            <v>防災ガラス窓</v>
          </cell>
          <cell r="O174" t="str">
            <v>外窓交換</v>
          </cell>
          <cell r="P174" t="str">
            <v>ＹＫＫ ＡＰ株式会社</v>
          </cell>
          <cell r="Q174" t="str">
            <v>【防災】APW511　Low-E複層ガラス（日射遮蔽型）（Ar）</v>
          </cell>
        </row>
        <row r="175">
          <cell r="L175" t="str">
            <v>JW033329S外窓交換S</v>
          </cell>
          <cell r="M175" t="str">
            <v>JW033329S</v>
          </cell>
          <cell r="N175" t="str">
            <v>防災ガラス窓</v>
          </cell>
          <cell r="O175" t="str">
            <v>外窓交換</v>
          </cell>
          <cell r="P175" t="str">
            <v>ＹＫＫ ＡＰ株式会社</v>
          </cell>
          <cell r="Q175" t="str">
            <v>【防災】エピソードII NEO たてすべり出し窓・すべり出し窓・FIX窓・内倒し窓・外倒し窓(Ar)</v>
          </cell>
        </row>
        <row r="176">
          <cell r="L176" t="str">
            <v>JW033331S外窓交換S</v>
          </cell>
          <cell r="M176" t="str">
            <v>JW033331S</v>
          </cell>
          <cell r="N176" t="str">
            <v>防災ガラス窓</v>
          </cell>
          <cell r="O176" t="str">
            <v>外窓交換</v>
          </cell>
          <cell r="P176" t="str">
            <v>ＹＫＫ ＡＰ株式会社</v>
          </cell>
          <cell r="Q176" t="str">
            <v>【防災】エピソードII NEO-R たてすべり出し窓・すべり出し窓・FIX窓(Ar)</v>
          </cell>
        </row>
        <row r="177">
          <cell r="L177" t="str">
            <v>JW034511S外窓交換（防火・防風・防犯仕様）S</v>
          </cell>
          <cell r="M177" t="str">
            <v>JW034511S</v>
          </cell>
          <cell r="N177" t="str">
            <v>窓</v>
          </cell>
          <cell r="O177" t="str">
            <v>外窓交換（防火・防風・防犯仕様）</v>
          </cell>
          <cell r="P177" t="str">
            <v>ＹＫＫ ＡＰ株式会社</v>
          </cell>
          <cell r="Q177" t="str">
            <v>エピソードII NEO シャッター付引違い窓・シャッター付両袖片引き窓・雨戸付引違い窓（Ar）</v>
          </cell>
        </row>
        <row r="178">
          <cell r="L178" t="str">
            <v>JW034512S外窓交換（防火・防風・防犯仕様）S</v>
          </cell>
          <cell r="M178" t="str">
            <v>JW034512S</v>
          </cell>
          <cell r="N178" t="str">
            <v>窓</v>
          </cell>
          <cell r="O178" t="str">
            <v>外窓交換（防火・防風・防犯仕様）</v>
          </cell>
          <cell r="P178" t="str">
            <v>ＹＫＫ ＡＰ株式会社</v>
          </cell>
          <cell r="Q178" t="str">
            <v>エピソードII NEO シャッター付引違い窓・シャッター付両袖片引き窓・雨戸付引違い窓（乾燥空気・中空層15mm以上）</v>
          </cell>
        </row>
        <row r="179">
          <cell r="L179" t="str">
            <v>JW034513A外窓交換（防火・防風・防犯仕様）A</v>
          </cell>
          <cell r="M179" t="str">
            <v>JW034513A</v>
          </cell>
          <cell r="N179" t="str">
            <v>窓</v>
          </cell>
          <cell r="O179" t="str">
            <v>外窓交換（防火・防風・防犯仕様）</v>
          </cell>
          <cell r="P179" t="str">
            <v>ＹＫＫ ＡＰ株式会社</v>
          </cell>
          <cell r="Q179" t="str">
            <v>エピソードII NEO シャッター付引違い窓・シャッター付両袖片引き窓・雨戸付引違い窓（乾燥空気）</v>
          </cell>
        </row>
        <row r="180">
          <cell r="L180" t="str">
            <v>JW034514S外窓交換（防火・防風・防犯仕様）S</v>
          </cell>
          <cell r="M180" t="str">
            <v>JW034514S</v>
          </cell>
          <cell r="N180" t="str">
            <v>窓</v>
          </cell>
          <cell r="O180" t="str">
            <v>外窓交換（防火・防風・防犯仕様）</v>
          </cell>
          <cell r="P180" t="str">
            <v>ＹＫＫ ＡＰ株式会社</v>
          </cell>
          <cell r="Q180" t="str">
            <v>エピソードII NEO 面格子付（Ar・中空層14mm以上）</v>
          </cell>
        </row>
        <row r="181">
          <cell r="L181" t="str">
            <v>JW034515S外窓交換（防火・防風・防犯仕様）S</v>
          </cell>
          <cell r="M181" t="str">
            <v>JW034515S</v>
          </cell>
          <cell r="N181" t="str">
            <v>窓</v>
          </cell>
          <cell r="O181" t="str">
            <v>外窓交換（防火・防風・防犯仕様）</v>
          </cell>
          <cell r="P181" t="str">
            <v>ＹＫＫ ＡＰ株式会社</v>
          </cell>
          <cell r="Q181" t="str">
            <v>エピソードII NEO 面格子付（Ar・日射遮蔽型・中空層13mm以上）</v>
          </cell>
        </row>
        <row r="182">
          <cell r="L182" t="str">
            <v>JW034516A外窓交換（防火・防風・防犯仕様）A</v>
          </cell>
          <cell r="M182" t="str">
            <v>JW034516A</v>
          </cell>
          <cell r="N182" t="str">
            <v>窓</v>
          </cell>
          <cell r="O182" t="str">
            <v>外窓交換（防火・防風・防犯仕様）</v>
          </cell>
          <cell r="P182" t="str">
            <v>ＹＫＫ ＡＰ株式会社</v>
          </cell>
          <cell r="Q182" t="str">
            <v>エピソードII NEO 面格子付（Ar）</v>
          </cell>
        </row>
        <row r="183">
          <cell r="L183" t="str">
            <v>JW034517A外窓交換（防火・防風・防犯仕様）A</v>
          </cell>
          <cell r="M183" t="str">
            <v>JW034517A</v>
          </cell>
          <cell r="N183" t="str">
            <v>窓</v>
          </cell>
          <cell r="O183" t="str">
            <v>外窓交換（防火・防風・防犯仕様）</v>
          </cell>
          <cell r="P183" t="str">
            <v>ＹＫＫ ＡＰ株式会社</v>
          </cell>
          <cell r="Q183" t="str">
            <v>エピソードII NEO 面格子付（乾燥空気・日射遮蔽型）</v>
          </cell>
        </row>
        <row r="184">
          <cell r="L184" t="str">
            <v>JW034518A外窓交換（防火・防風・防犯仕様）A</v>
          </cell>
          <cell r="M184" t="str">
            <v>JW034518A</v>
          </cell>
          <cell r="N184" t="str">
            <v>窓</v>
          </cell>
          <cell r="O184" t="str">
            <v>外窓交換（防火・防風・防犯仕様）</v>
          </cell>
          <cell r="P184" t="str">
            <v>ＹＫＫ ＡＰ株式会社</v>
          </cell>
          <cell r="Q184" t="str">
            <v>エピソードII NEO 面格子付（乾燥空気・日射取得型・中空層13mm以上）</v>
          </cell>
        </row>
        <row r="185">
          <cell r="L185" t="str">
            <v>JW034519A外窓交換（防火・防風・防犯仕様）A</v>
          </cell>
          <cell r="M185" t="str">
            <v>JW034519A</v>
          </cell>
          <cell r="N185" t="str">
            <v>窓</v>
          </cell>
          <cell r="O185" t="str">
            <v>外窓交換（防火・防風・防犯仕様）</v>
          </cell>
          <cell r="P185" t="str">
            <v>ＹＫＫ ＡＰ株式会社</v>
          </cell>
          <cell r="Q185" t="str">
            <v>エピソードII NEO 面格子付（乾燥空気・日射取得型・合わせガラス60mil）</v>
          </cell>
        </row>
        <row r="186">
          <cell r="L186" t="str">
            <v>JW034521S外窓交換（防火・防風・防犯仕様）S</v>
          </cell>
          <cell r="M186" t="str">
            <v>JW034521S</v>
          </cell>
          <cell r="N186" t="str">
            <v>窓</v>
          </cell>
          <cell r="O186" t="str">
            <v>外窓交換（防火・防風・防犯仕様）</v>
          </cell>
          <cell r="P186" t="str">
            <v>ＹＫＫ ＡＰ株式会社</v>
          </cell>
          <cell r="Q186" t="str">
            <v>エピソードII NEO-B シャッター付引違い窓・シャッター付両袖片引き窓（Ar）</v>
          </cell>
        </row>
        <row r="187">
          <cell r="L187" t="str">
            <v>JW034522S外窓交換（防火・防風・防犯仕様）S</v>
          </cell>
          <cell r="M187" t="str">
            <v>JW034522S</v>
          </cell>
          <cell r="N187" t="str">
            <v>窓</v>
          </cell>
          <cell r="O187" t="str">
            <v>外窓交換（防火・防風・防犯仕様）</v>
          </cell>
          <cell r="P187" t="str">
            <v>ＹＫＫ ＡＰ株式会社</v>
          </cell>
          <cell r="Q187" t="str">
            <v>エピソードII NEO-B シャッター付引違い窓・シャッター付両袖片引き窓（乾燥空気・中空層15mm以上）</v>
          </cell>
        </row>
        <row r="188">
          <cell r="L188" t="str">
            <v>JW034523A外窓交換（防火・防風・防犯仕様）A</v>
          </cell>
          <cell r="M188" t="str">
            <v>JW034523A</v>
          </cell>
          <cell r="N188" t="str">
            <v>窓</v>
          </cell>
          <cell r="O188" t="str">
            <v>外窓交換（防火・防風・防犯仕様）</v>
          </cell>
          <cell r="P188" t="str">
            <v>ＹＫＫ ＡＰ株式会社</v>
          </cell>
          <cell r="Q188" t="str">
            <v>エピソードII NEO-B シャッター付引違い窓・シャッター付両袖片引き窓（乾燥空気）</v>
          </cell>
        </row>
        <row r="189">
          <cell r="L189" t="str">
            <v>JW034524S外窓交換（防火・防風・防犯仕様）S</v>
          </cell>
          <cell r="M189" t="str">
            <v>JW034524S</v>
          </cell>
          <cell r="N189" t="str">
            <v>窓</v>
          </cell>
          <cell r="O189" t="str">
            <v>外窓交換（防火・防風・防犯仕様）</v>
          </cell>
          <cell r="P189" t="str">
            <v>ＹＫＫ ＡＰ株式会社</v>
          </cell>
          <cell r="Q189" t="str">
            <v>エピソードII NEO-B 面格子付（Ar）（中空層14mm以上）</v>
          </cell>
        </row>
        <row r="190">
          <cell r="L190" t="str">
            <v>JW034525S外窓交換（防火・防風・防犯仕様）S</v>
          </cell>
          <cell r="M190" t="str">
            <v>JW034525S</v>
          </cell>
          <cell r="N190" t="str">
            <v>窓</v>
          </cell>
          <cell r="O190" t="str">
            <v>外窓交換（防火・防風・防犯仕様）</v>
          </cell>
          <cell r="P190" t="str">
            <v>ＹＫＫ ＡＰ株式会社</v>
          </cell>
          <cell r="Q190" t="str">
            <v>エピソードII NEO-B 面格子付（Ar・日射遮蔽型・中空層13mm以上）</v>
          </cell>
        </row>
        <row r="191">
          <cell r="L191" t="str">
            <v>JW034526A外窓交換（防火・防風・防犯仕様）A</v>
          </cell>
          <cell r="M191" t="str">
            <v>JW034526A</v>
          </cell>
          <cell r="N191" t="str">
            <v>窓</v>
          </cell>
          <cell r="O191" t="str">
            <v>外窓交換（防火・防風・防犯仕様）</v>
          </cell>
          <cell r="P191" t="str">
            <v>ＹＫＫ ＡＰ株式会社</v>
          </cell>
          <cell r="Q191" t="str">
            <v>エピソードII NEO-B 面格子付（Ar）</v>
          </cell>
        </row>
        <row r="192">
          <cell r="L192" t="str">
            <v>JW034527A外窓交換（防火・防風・防犯仕様）A</v>
          </cell>
          <cell r="M192" t="str">
            <v>JW034527A</v>
          </cell>
          <cell r="N192" t="str">
            <v>窓</v>
          </cell>
          <cell r="O192" t="str">
            <v>外窓交換（防火・防風・防犯仕様）</v>
          </cell>
          <cell r="P192" t="str">
            <v>ＹＫＫ ＡＰ株式会社</v>
          </cell>
          <cell r="Q192" t="str">
            <v>エピソードII NEO-B 面格子付（乾燥空気）</v>
          </cell>
        </row>
        <row r="193">
          <cell r="L193" t="str">
            <v>JW034528A外窓交換（防火・防風・防犯仕様）A</v>
          </cell>
          <cell r="M193" t="str">
            <v>JW034528A</v>
          </cell>
          <cell r="N193" t="str">
            <v>窓</v>
          </cell>
          <cell r="O193" t="str">
            <v>外窓交換（防火・防風・防犯仕様）</v>
          </cell>
          <cell r="P193" t="str">
            <v>ＹＫＫ ＡＰ株式会社</v>
          </cell>
          <cell r="Q193" t="str">
            <v>エピソードII NEO-R シャッター付引違い窓（Ar）</v>
          </cell>
        </row>
        <row r="194">
          <cell r="L194" t="str">
            <v>JW034529A外窓交換（防火・防風・防犯仕様）A</v>
          </cell>
          <cell r="M194" t="str">
            <v>JW034529A</v>
          </cell>
          <cell r="N194" t="str">
            <v>窓</v>
          </cell>
          <cell r="O194" t="str">
            <v>外窓交換（防火・防風・防犯仕様）</v>
          </cell>
          <cell r="P194" t="str">
            <v>ＹＫＫ ＡＰ株式会社</v>
          </cell>
          <cell r="Q194" t="str">
            <v>エピソードII NEO-R シャッター付引違い窓（乾燥空気）</v>
          </cell>
        </row>
        <row r="195">
          <cell r="L195" t="str">
            <v>JW034531A外窓交換（防火・防風・防犯仕様）A</v>
          </cell>
          <cell r="M195" t="str">
            <v>JW034531A</v>
          </cell>
          <cell r="N195" t="str">
            <v>窓</v>
          </cell>
          <cell r="O195" t="str">
            <v>外窓交換（防火・防風・防犯仕様）</v>
          </cell>
          <cell r="P195" t="str">
            <v>ＹＫＫ ＡＰ株式会社</v>
          </cell>
          <cell r="Q195" t="str">
            <v>エピソードII 防火窓 GNEO 開き窓テラス（Ar)</v>
          </cell>
        </row>
        <row r="196">
          <cell r="L196" t="str">
            <v>JW034532S外窓交換（防火・防風・防犯仕様）S</v>
          </cell>
          <cell r="M196" t="str">
            <v>JW034532S</v>
          </cell>
          <cell r="N196" t="str">
            <v>窓</v>
          </cell>
          <cell r="O196" t="str">
            <v>外窓交換（防火・防風・防犯仕様）</v>
          </cell>
          <cell r="P196" t="str">
            <v>ＹＫＫ ＡＰ株式会社</v>
          </cell>
          <cell r="Q196" t="str">
            <v>エピソードII 防火窓 GNEO シャッター付引違い窓・シャッター付両袖片引き窓（Ar・中空層14mm以上）</v>
          </cell>
        </row>
        <row r="197">
          <cell r="L197" t="str">
            <v>JW034533S外窓交換（防火・防風・防犯仕様）S</v>
          </cell>
          <cell r="M197" t="str">
            <v>JW034533S</v>
          </cell>
          <cell r="N197" t="str">
            <v>窓</v>
          </cell>
          <cell r="O197" t="str">
            <v>外窓交換（防火・防風・防犯仕様）</v>
          </cell>
          <cell r="P197" t="str">
            <v>ＹＫＫ ＡＰ株式会社</v>
          </cell>
          <cell r="Q197" t="str">
            <v>エピソードII 防火窓 GNEO シャッター付引違い窓・シャッター付両袖片引き窓（Ar・日射遮蔽型・中空層13mm以上）</v>
          </cell>
        </row>
        <row r="198">
          <cell r="L198" t="str">
            <v>JW034534A外窓交換（防火・防風・防犯仕様）A</v>
          </cell>
          <cell r="M198" t="str">
            <v>JW034534A</v>
          </cell>
          <cell r="N198" t="str">
            <v>窓</v>
          </cell>
          <cell r="O198" t="str">
            <v>外窓交換（防火・防風・防犯仕様）</v>
          </cell>
          <cell r="P198" t="str">
            <v>ＹＫＫ ＡＰ株式会社</v>
          </cell>
          <cell r="Q198" t="str">
            <v>エピソード 雨戸付引違い窓（Ar）</v>
          </cell>
        </row>
        <row r="199">
          <cell r="L199" t="str">
            <v>JW034535A外窓交換（防火・防風・防犯仕様）A</v>
          </cell>
          <cell r="M199" t="str">
            <v>JW034535A</v>
          </cell>
          <cell r="N199" t="str">
            <v>窓</v>
          </cell>
          <cell r="O199" t="str">
            <v>外窓交換（防火・防風・防犯仕様）</v>
          </cell>
          <cell r="P199" t="str">
            <v>ＹＫＫ ＡＰ株式会社</v>
          </cell>
          <cell r="Q199" t="str">
            <v>エピソード 雨戸付引違い窓（乾燥空気）</v>
          </cell>
        </row>
        <row r="200">
          <cell r="L200" t="str">
            <v>JW034536A外窓交換（防火・防風・防犯仕様）A</v>
          </cell>
          <cell r="M200" t="str">
            <v>JW034536A</v>
          </cell>
          <cell r="N200" t="str">
            <v>窓</v>
          </cell>
          <cell r="O200" t="str">
            <v>外窓交換（防火・防風・防犯仕様）</v>
          </cell>
          <cell r="P200" t="str">
            <v>ＹＫＫ ＡＰ株式会社</v>
          </cell>
          <cell r="Q200" t="str">
            <v>エピソードII 防火窓 GNEO 開き窓テラス（Ar)</v>
          </cell>
        </row>
        <row r="201">
          <cell r="L201" t="str">
            <v>JW034537A外窓交換（防火・防風・防犯仕様）A</v>
          </cell>
          <cell r="M201" t="str">
            <v>JW034537A</v>
          </cell>
          <cell r="N201" t="str">
            <v>窓</v>
          </cell>
          <cell r="O201" t="str">
            <v>外窓交換（防火・防風・防犯仕様）</v>
          </cell>
          <cell r="P201" t="str">
            <v>ＹＫＫ ＡＰ株式会社</v>
          </cell>
          <cell r="Q201" t="str">
            <v>エピソードII 防火窓 GNEO フロア納まり片引き戸（Ar)</v>
          </cell>
        </row>
        <row r="202">
          <cell r="L202" t="str">
            <v>JW040602S外窓交換（防火・防風・防犯仕様）S</v>
          </cell>
          <cell r="M202" t="str">
            <v>JW040602S</v>
          </cell>
          <cell r="N202" t="str">
            <v>窓</v>
          </cell>
          <cell r="O202" t="str">
            <v>外窓交換（防火・防風・防犯仕様）</v>
          </cell>
          <cell r="P202" t="str">
            <v>株式会社エクセルシャノン</v>
          </cell>
          <cell r="Q202" t="str">
            <v>ｼｬﾉﾝｳｲﾝﾄﾞTypeEB防火窓 Low-E(Ar)</v>
          </cell>
        </row>
        <row r="203">
          <cell r="L203" t="str">
            <v>JW040701S外窓交換（防火・防風・防犯仕様）S</v>
          </cell>
          <cell r="M203" t="str">
            <v>JW040701S</v>
          </cell>
          <cell r="N203" t="str">
            <v>窓</v>
          </cell>
          <cell r="O203" t="str">
            <v>外窓交換（防火・防風・防犯仕様）</v>
          </cell>
          <cell r="P203" t="str">
            <v>株式会社エクセルシャノン</v>
          </cell>
          <cell r="Q203" t="str">
            <v>ｼｬﾉﾝｳｲﾝﾄﾞTypeEC防火窓 Low-E(Ar)</v>
          </cell>
        </row>
        <row r="204">
          <cell r="L204" t="str">
            <v>JW040802S外窓交換（防火・防風・防犯仕様）S</v>
          </cell>
          <cell r="M204" t="str">
            <v>JW040802S</v>
          </cell>
          <cell r="N204" t="str">
            <v>窓</v>
          </cell>
          <cell r="O204" t="str">
            <v>外窓交換（防火・防風・防犯仕様）</v>
          </cell>
          <cell r="P204" t="str">
            <v>株式会社エクセルシャノン</v>
          </cell>
          <cell r="Q204" t="str">
            <v>ｼｬﾉﾝｳｲﾝﾄﾞTypeTG防火窓 ダブルLow-E(Ar)</v>
          </cell>
        </row>
        <row r="205">
          <cell r="L205" t="str">
            <v>JW091014S外窓交換S</v>
          </cell>
          <cell r="M205" t="str">
            <v>JW091014S</v>
          </cell>
          <cell r="N205" t="str">
            <v>防災ガラス窓</v>
          </cell>
          <cell r="O205" t="str">
            <v>外窓交換</v>
          </cell>
          <cell r="P205" t="str">
            <v>クレトイシ株式会社</v>
          </cell>
          <cell r="Q205" t="str">
            <v>【防災】montage</v>
          </cell>
        </row>
        <row r="206">
          <cell r="L206" t="str">
            <v>JW091015S外窓交換S</v>
          </cell>
          <cell r="M206" t="str">
            <v>JW091015S</v>
          </cell>
          <cell r="N206" t="str">
            <v>防災ガラス窓</v>
          </cell>
          <cell r="O206" t="str">
            <v>外窓交換</v>
          </cell>
          <cell r="P206" t="str">
            <v>クレトイシ株式会社</v>
          </cell>
          <cell r="Q206" t="str">
            <v>【防災】montage　トリプルガラス</v>
          </cell>
        </row>
        <row r="207">
          <cell r="L207" t="str">
            <v>JW091016S外窓交換S</v>
          </cell>
          <cell r="M207" t="str">
            <v>JW091016S</v>
          </cell>
          <cell r="N207" t="str">
            <v>防災ガラス窓</v>
          </cell>
          <cell r="O207" t="str">
            <v>外窓交換</v>
          </cell>
          <cell r="P207" t="str">
            <v>クレトイシ株式会社</v>
          </cell>
          <cell r="Q207" t="str">
            <v>【防災】montage　防火窓</v>
          </cell>
        </row>
        <row r="208">
          <cell r="L208" t="str">
            <v>JW098400S外窓交換（防火・防風・防犯仕様）S</v>
          </cell>
          <cell r="M208" t="str">
            <v>JW098400S</v>
          </cell>
          <cell r="N208" t="str">
            <v>窓</v>
          </cell>
          <cell r="O208" t="str">
            <v>外窓交換（防火・防風・防犯仕様）</v>
          </cell>
          <cell r="P208" t="str">
            <v>クレトイシ株式会社</v>
          </cell>
          <cell r="Q208" t="str">
            <v>montage　防火窓</v>
          </cell>
        </row>
        <row r="209">
          <cell r="L209" t="str">
            <v>JW111101S外窓交換（防火・防風・防犯仕様）S</v>
          </cell>
          <cell r="M209" t="str">
            <v>JW111101S</v>
          </cell>
          <cell r="N209" t="str">
            <v>窓</v>
          </cell>
          <cell r="O209" t="str">
            <v>外窓交換（防火・防風・防犯仕様）</v>
          </cell>
          <cell r="P209" t="str">
            <v>株式会社日本の窓</v>
          </cell>
          <cell r="Q209" t="str">
            <v>MADOBA　防火窓</v>
          </cell>
        </row>
        <row r="210">
          <cell r="L210" t="str">
            <v>JW111102S外窓交換（防火・防風・防犯仕様）S</v>
          </cell>
          <cell r="M210" t="str">
            <v>JW111102S</v>
          </cell>
          <cell r="N210" t="str">
            <v>窓</v>
          </cell>
          <cell r="O210" t="str">
            <v>外窓交換（防火・防風・防犯仕様）</v>
          </cell>
          <cell r="P210" t="str">
            <v>株式会社日本の窓</v>
          </cell>
          <cell r="Q210" t="str">
            <v>MADOBA　防火窓（Ar）</v>
          </cell>
        </row>
        <row r="211">
          <cell r="L211" t="str">
            <v>JW114051S外窓交換S</v>
          </cell>
          <cell r="M211" t="str">
            <v>JW114051S</v>
          </cell>
          <cell r="N211" t="str">
            <v>防災ガラス窓</v>
          </cell>
          <cell r="O211" t="str">
            <v>外窓交換</v>
          </cell>
          <cell r="P211" t="str">
            <v>株式会社日本の窓</v>
          </cell>
          <cell r="Q211" t="str">
            <v>【防災】MADOBA　ペア</v>
          </cell>
        </row>
        <row r="212">
          <cell r="L212" t="str">
            <v>JW114052S外窓交換S</v>
          </cell>
          <cell r="M212" t="str">
            <v>JW114052S</v>
          </cell>
          <cell r="N212" t="str">
            <v>防災ガラス窓</v>
          </cell>
          <cell r="O212" t="str">
            <v>外窓交換</v>
          </cell>
          <cell r="P212" t="str">
            <v>株式会社日本の窓</v>
          </cell>
          <cell r="Q212" t="str">
            <v>【防災】MADOBA　ペア（Ar）</v>
          </cell>
        </row>
        <row r="213">
          <cell r="L213" t="str">
            <v>JW131001S外窓交換（防火・防風・防犯仕様）S</v>
          </cell>
          <cell r="M213" t="str">
            <v>JW131001S</v>
          </cell>
          <cell r="N213" t="str">
            <v>窓</v>
          </cell>
          <cell r="O213" t="str">
            <v>外窓交換（防火・防風・防犯仕様）</v>
          </cell>
          <cell r="P213" t="str">
            <v>不二サッシ株式会社</v>
          </cell>
          <cell r="Q213" t="str">
            <v>ＦＳＳＨ　引違い（防火）（特定得意先向け用）</v>
          </cell>
        </row>
        <row r="214">
          <cell r="L214" t="str">
            <v>JW131002S外窓交換（防火・防風・防犯仕様）S</v>
          </cell>
          <cell r="M214" t="str">
            <v>JW131002S</v>
          </cell>
          <cell r="N214" t="str">
            <v>窓</v>
          </cell>
          <cell r="O214" t="str">
            <v>外窓交換（防火・防風・防犯仕様）</v>
          </cell>
          <cell r="P214" t="str">
            <v>不二サッシ株式会社</v>
          </cell>
          <cell r="Q214" t="str">
            <v>ＦＳＳＨ　ＦＩＸ（防火）（特定得意先向け用）</v>
          </cell>
        </row>
        <row r="215">
          <cell r="L215" t="str">
            <v>JW133001S外窓交換S</v>
          </cell>
          <cell r="M215" t="str">
            <v>JW133001S</v>
          </cell>
          <cell r="N215" t="str">
            <v>防災ガラス窓</v>
          </cell>
          <cell r="O215" t="str">
            <v>外窓交換</v>
          </cell>
          <cell r="P215" t="str">
            <v>不二サッシ株式会社</v>
          </cell>
          <cell r="Q215" t="str">
            <v>【防災】FSSH　引違い（特定得意先向け用）</v>
          </cell>
        </row>
        <row r="216">
          <cell r="L216" t="str">
            <v>JW133002S外窓交換S</v>
          </cell>
          <cell r="M216" t="str">
            <v>JW133002S</v>
          </cell>
          <cell r="N216" t="str">
            <v>防災ガラス窓</v>
          </cell>
          <cell r="O216" t="str">
            <v>外窓交換</v>
          </cell>
          <cell r="P216" t="str">
            <v>不二サッシ株式会社</v>
          </cell>
          <cell r="Q216" t="str">
            <v>【防災】FSSH　引違い（特定得意先向け用）</v>
          </cell>
        </row>
        <row r="217">
          <cell r="L217" t="str">
            <v>JW133003S外窓交換S</v>
          </cell>
          <cell r="M217" t="str">
            <v>JW133003S</v>
          </cell>
          <cell r="N217" t="str">
            <v>防災ガラス窓</v>
          </cell>
          <cell r="O217" t="str">
            <v>外窓交換</v>
          </cell>
          <cell r="P217" t="str">
            <v>不二サッシ株式会社</v>
          </cell>
          <cell r="Q217" t="str">
            <v>【防災】FSSH　引違い（特定得意先向け用）</v>
          </cell>
        </row>
        <row r="218">
          <cell r="L218" t="str">
            <v>JW133004S外窓交換S</v>
          </cell>
          <cell r="M218" t="str">
            <v>JW133004S</v>
          </cell>
          <cell r="N218" t="str">
            <v>防災ガラス窓</v>
          </cell>
          <cell r="O218" t="str">
            <v>外窓交換</v>
          </cell>
          <cell r="P218" t="str">
            <v>不二サッシ株式会社</v>
          </cell>
          <cell r="Q218" t="str">
            <v>【防災】FSSH　引違い（特定得意先向け用）</v>
          </cell>
        </row>
        <row r="219">
          <cell r="L219" t="str">
            <v>JW133005S外窓交換S</v>
          </cell>
          <cell r="M219" t="str">
            <v>JW133005S</v>
          </cell>
          <cell r="N219" t="str">
            <v>防災ガラス窓</v>
          </cell>
          <cell r="O219" t="str">
            <v>外窓交換</v>
          </cell>
          <cell r="P219" t="str">
            <v>不二サッシ株式会社</v>
          </cell>
          <cell r="Q219" t="str">
            <v>【防災】FSSH　FIX（特定得意先向け用）</v>
          </cell>
        </row>
        <row r="220">
          <cell r="L220" t="str">
            <v>JW133006S外窓交換S</v>
          </cell>
          <cell r="M220" t="str">
            <v>JW133006S</v>
          </cell>
          <cell r="N220" t="str">
            <v>防災ガラス窓</v>
          </cell>
          <cell r="O220" t="str">
            <v>外窓交換</v>
          </cell>
          <cell r="P220" t="str">
            <v>不二サッシ株式会社</v>
          </cell>
          <cell r="Q220" t="str">
            <v>【防災】FSSH　FIX（特定得意先向け用）</v>
          </cell>
        </row>
        <row r="221">
          <cell r="L221" t="str">
            <v>JW133007S外窓交換S</v>
          </cell>
          <cell r="M221" t="str">
            <v>JW133007S</v>
          </cell>
          <cell r="N221" t="str">
            <v>防災ガラス窓</v>
          </cell>
          <cell r="O221" t="str">
            <v>外窓交換</v>
          </cell>
          <cell r="P221" t="str">
            <v>不二サッシ株式会社</v>
          </cell>
          <cell r="Q221" t="str">
            <v>【防災】FSSH　FIX（特定得意先向け用）</v>
          </cell>
        </row>
        <row r="222">
          <cell r="L222" t="str">
            <v>JW133008S外窓交換S</v>
          </cell>
          <cell r="M222" t="str">
            <v>JW133008S</v>
          </cell>
          <cell r="N222" t="str">
            <v>防災ガラス窓</v>
          </cell>
          <cell r="O222" t="str">
            <v>外窓交換</v>
          </cell>
          <cell r="P222" t="str">
            <v>不二サッシ株式会社</v>
          </cell>
          <cell r="Q222" t="str">
            <v>【防災】FSSH　FIX（特定得意先向け用）</v>
          </cell>
        </row>
        <row r="223">
          <cell r="L223" t="str">
            <v>JW034539A外窓交換（防火・防風・防犯仕様）A</v>
          </cell>
          <cell r="M223" t="str">
            <v>JW034539A</v>
          </cell>
          <cell r="N223" t="str">
            <v>窓</v>
          </cell>
          <cell r="O223" t="str">
            <v>外窓交換（防火・防風・防犯仕様）</v>
          </cell>
          <cell r="P223" t="str">
            <v>ＹＫＫ ＡＰ株式会社</v>
          </cell>
          <cell r="Q223" t="str">
            <v>APW331 ﾊｲﾌﾞﾘｯﾄﾞｽﾗｲﾃﾞｨﾝｸﾞ ｼｬｯﾀｰ付引違いﾃﾗｽ戸</v>
          </cell>
        </row>
        <row r="224">
          <cell r="L224" t="str">
            <v>JW033332S外窓交換S</v>
          </cell>
          <cell r="M224" t="str">
            <v>JW033332S</v>
          </cell>
          <cell r="N224" t="str">
            <v>防災ガラス窓</v>
          </cell>
          <cell r="O224" t="str">
            <v>外窓交換</v>
          </cell>
          <cell r="P224" t="str">
            <v>ＹＫＫ ＡＰ株式会社</v>
          </cell>
          <cell r="Q224" t="str">
            <v>【防災】APW331 ﾊｲﾌﾞﾘｯﾄﾞｽﾗｲﾃﾞｨﾝｸﾞ (Ar)</v>
          </cell>
        </row>
        <row r="225">
          <cell r="L225" t="str">
            <v>JW034538S外窓交換（防火・防風・防犯仕様）S</v>
          </cell>
          <cell r="M225" t="str">
            <v>JW034538S</v>
          </cell>
          <cell r="N225" t="str">
            <v>窓</v>
          </cell>
          <cell r="O225" t="str">
            <v>外窓交換（防火・防風・防犯仕様）</v>
          </cell>
          <cell r="P225" t="str">
            <v>ＹＫＫ ＡＰ株式会社</v>
          </cell>
          <cell r="Q225" t="str">
            <v>APW331 ﾊｲﾌﾞﾘｯﾄﾞｽﾗｲﾃﾞｨﾝｸﾞ ｼｬｯﾀｰ付引違いﾃﾗｽ戸(Ar)</v>
          </cell>
        </row>
        <row r="226">
          <cell r="L226" t="str">
            <v>JW034540S外窓交換（防火・防風・防犯仕様）S</v>
          </cell>
          <cell r="M226" t="str">
            <v>JW034540S</v>
          </cell>
          <cell r="N226" t="str">
            <v>窓</v>
          </cell>
          <cell r="O226" t="str">
            <v>外窓交換（防火・防風・防犯仕様）</v>
          </cell>
          <cell r="P226" t="str">
            <v>ＹＫＫ ＡＰ株式会社</v>
          </cell>
          <cell r="Q226" t="str">
            <v>APW331 ﾊｲﾌﾞﾘｯﾄﾞｽﾗｲﾃﾞｨﾝｸﾞ ｼｬｯﾀｰ付引違いﾃﾗｽ戸(真空ﾄﾘﾌﾟﾙ)</v>
          </cell>
        </row>
        <row r="227">
          <cell r="L227" t="str">
            <v>JW032213S外窓交換（防火・防風・防犯仕様）S</v>
          </cell>
          <cell r="M227" t="str">
            <v>JW032213S</v>
          </cell>
          <cell r="N227" t="str">
            <v>窓</v>
          </cell>
          <cell r="O227" t="str">
            <v>外窓交換（防火・防風・防犯仕様）</v>
          </cell>
          <cell r="P227" t="str">
            <v>ＹＫＫ ＡＰ株式会社</v>
          </cell>
          <cell r="Q227" t="str">
            <v>APW331防火窓　木目仕様（Ar）</v>
          </cell>
        </row>
        <row r="228">
          <cell r="L228" t="str">
            <v>JW033113Sカバー工法S</v>
          </cell>
          <cell r="M228" t="str">
            <v>JW033113S</v>
          </cell>
          <cell r="N228" t="str">
            <v>防災ガラス窓</v>
          </cell>
          <cell r="O228" t="str">
            <v>カバー工法</v>
          </cell>
          <cell r="P228" t="str">
            <v>ＹＫＫ ＡＰ株式会社</v>
          </cell>
          <cell r="Q228" t="str">
            <v>【防災】ﾏﾄﾞﾘﾓ 樹脂窓 北海道(Ar)片開きﾄﾞｱ 全面ｶﾞﾗｽﾀｲﾌﾟ</v>
          </cell>
        </row>
        <row r="229">
          <cell r="L229" t="str">
            <v>JW032205S外窓交換（防火・防風・防犯仕様）S</v>
          </cell>
          <cell r="M229" t="str">
            <v>JW032205S</v>
          </cell>
          <cell r="N229" t="str">
            <v>窓</v>
          </cell>
          <cell r="O229" t="str">
            <v>外窓交換（防火・防風・防犯仕様）</v>
          </cell>
          <cell r="P229" t="str">
            <v>ＹＫＫ ＡＰ株式会社</v>
          </cell>
          <cell r="Q229" t="str">
            <v>APW331 防火窓 ｼｬｯﾀｰ付引違いﾃﾗｽ戸（Ar）</v>
          </cell>
        </row>
        <row r="230">
          <cell r="L230" t="str">
            <v>JW029210Aカバー工法A</v>
          </cell>
          <cell r="M230" t="str">
            <v>JW029210A</v>
          </cell>
          <cell r="N230" t="str">
            <v>防災ガラス窓</v>
          </cell>
          <cell r="O230" t="str">
            <v>カバー工法</v>
          </cell>
          <cell r="P230" t="str">
            <v>株式会社ＬＩＸＩＬ</v>
          </cell>
          <cell r="Q230" t="str">
            <v>【防災】リプラス専用枠（２３年４月発売）　Ｌｏｗ－Ｅ　複層ガラス　（Ａｒ）　樹脂スペーサー</v>
          </cell>
        </row>
        <row r="231">
          <cell r="L231" t="str">
            <v>JW029205Sカバー工法S</v>
          </cell>
          <cell r="M231" t="str">
            <v>JW029205S</v>
          </cell>
          <cell r="N231" t="str">
            <v>防災ガラス窓</v>
          </cell>
          <cell r="O231" t="str">
            <v>カバー工法</v>
          </cell>
          <cell r="P231" t="str">
            <v>株式会社ＬＩＸＩＬ</v>
          </cell>
          <cell r="Q231" t="str">
            <v>【防災】リプラス高断熱汎用枠 ダブルLow-E三層 トリプルガラス（Ar）</v>
          </cell>
        </row>
        <row r="232">
          <cell r="L232" t="str">
            <v>JW029207Sカバー工法S</v>
          </cell>
          <cell r="M232" t="str">
            <v>JW029207S</v>
          </cell>
          <cell r="N232" t="str">
            <v>防災ガラス窓</v>
          </cell>
          <cell r="O232" t="str">
            <v>カバー工法</v>
          </cell>
          <cell r="P232" t="str">
            <v>株式会社ＬＩＸＩＬ</v>
          </cell>
          <cell r="Q232" t="str">
            <v>【防災】リプラス高断熱汎用枠 ダブルLow-E三層 トリプルガラス（Kr）</v>
          </cell>
        </row>
        <row r="233">
          <cell r="L233" t="str">
            <v/>
          </cell>
        </row>
        <row r="234">
          <cell r="L234" t="str">
            <v/>
          </cell>
        </row>
        <row r="235">
          <cell r="L235" t="str">
            <v/>
          </cell>
        </row>
        <row r="236">
          <cell r="L236" t="str">
            <v/>
          </cell>
        </row>
        <row r="237">
          <cell r="L237" t="str">
            <v/>
          </cell>
        </row>
        <row r="238">
          <cell r="L238" t="str">
            <v/>
          </cell>
        </row>
        <row r="239">
          <cell r="L239" t="str">
            <v/>
          </cell>
        </row>
        <row r="240">
          <cell r="L240" t="str">
            <v/>
          </cell>
        </row>
        <row r="241">
          <cell r="L241" t="str">
            <v/>
          </cell>
        </row>
        <row r="242">
          <cell r="L242" t="str">
            <v/>
          </cell>
        </row>
        <row r="243">
          <cell r="L243" t="str">
            <v/>
          </cell>
        </row>
        <row r="244">
          <cell r="L244" t="str">
            <v/>
          </cell>
        </row>
        <row r="245">
          <cell r="L245" t="str">
            <v/>
          </cell>
        </row>
        <row r="246">
          <cell r="L246" t="str">
            <v/>
          </cell>
        </row>
        <row r="247">
          <cell r="L247" t="str">
            <v/>
          </cell>
        </row>
        <row r="248">
          <cell r="L248" t="str">
            <v/>
          </cell>
        </row>
        <row r="249">
          <cell r="L249" t="str">
            <v/>
          </cell>
        </row>
        <row r="250">
          <cell r="L250" t="str">
            <v/>
          </cell>
        </row>
        <row r="251">
          <cell r="L251" t="str">
            <v/>
          </cell>
        </row>
        <row r="252">
          <cell r="L252" t="str">
            <v/>
          </cell>
        </row>
        <row r="253">
          <cell r="L253" t="str">
            <v/>
          </cell>
        </row>
        <row r="254">
          <cell r="L254" t="str">
            <v/>
          </cell>
        </row>
        <row r="255">
          <cell r="L255" t="str">
            <v/>
          </cell>
        </row>
        <row r="256">
          <cell r="L256" t="str">
            <v/>
          </cell>
        </row>
        <row r="257">
          <cell r="L257" t="str">
            <v/>
          </cell>
        </row>
        <row r="258">
          <cell r="L258" t="str">
            <v/>
          </cell>
        </row>
        <row r="259">
          <cell r="L259" t="str">
            <v/>
          </cell>
        </row>
        <row r="260">
          <cell r="L260" t="str">
            <v/>
          </cell>
        </row>
        <row r="261">
          <cell r="L261" t="str">
            <v/>
          </cell>
        </row>
        <row r="262">
          <cell r="L262" t="str">
            <v/>
          </cell>
        </row>
        <row r="263">
          <cell r="L263" t="str">
            <v/>
          </cell>
        </row>
        <row r="264">
          <cell r="L264" t="str">
            <v/>
          </cell>
        </row>
        <row r="265">
          <cell r="L265" t="str">
            <v/>
          </cell>
        </row>
        <row r="266">
          <cell r="L266" t="str">
            <v/>
          </cell>
        </row>
        <row r="267">
          <cell r="L267" t="str">
            <v/>
          </cell>
        </row>
        <row r="268">
          <cell r="L268" t="str">
            <v/>
          </cell>
        </row>
        <row r="269">
          <cell r="L269" t="str">
            <v/>
          </cell>
        </row>
        <row r="270">
          <cell r="L270" t="str">
            <v/>
          </cell>
        </row>
        <row r="271">
          <cell r="L271" t="str">
            <v/>
          </cell>
        </row>
        <row r="272">
          <cell r="L272" t="str">
            <v/>
          </cell>
        </row>
        <row r="273">
          <cell r="L273" t="str">
            <v/>
          </cell>
        </row>
        <row r="274">
          <cell r="L274" t="str">
            <v/>
          </cell>
        </row>
        <row r="275">
          <cell r="L275" t="str">
            <v/>
          </cell>
        </row>
        <row r="276">
          <cell r="L276" t="str">
            <v/>
          </cell>
        </row>
        <row r="277">
          <cell r="L277" t="str">
            <v/>
          </cell>
        </row>
        <row r="278">
          <cell r="L278" t="str">
            <v/>
          </cell>
        </row>
        <row r="279">
          <cell r="L279" t="str">
            <v/>
          </cell>
        </row>
        <row r="280">
          <cell r="L280" t="str">
            <v/>
          </cell>
        </row>
        <row r="281">
          <cell r="L281" t="str">
            <v/>
          </cell>
        </row>
        <row r="282">
          <cell r="L282" t="str">
            <v/>
          </cell>
        </row>
        <row r="283">
          <cell r="L283" t="str">
            <v/>
          </cell>
        </row>
        <row r="284">
          <cell r="L284" t="str">
            <v/>
          </cell>
        </row>
        <row r="285">
          <cell r="L285" t="str">
            <v/>
          </cell>
        </row>
        <row r="286">
          <cell r="L286" t="str">
            <v/>
          </cell>
        </row>
        <row r="287">
          <cell r="L287" t="str">
            <v/>
          </cell>
        </row>
        <row r="288">
          <cell r="L288" t="str">
            <v/>
          </cell>
        </row>
        <row r="289">
          <cell r="L289" t="str">
            <v/>
          </cell>
        </row>
        <row r="290">
          <cell r="L290" t="str">
            <v/>
          </cell>
        </row>
        <row r="291">
          <cell r="L291" t="str">
            <v/>
          </cell>
        </row>
        <row r="292">
          <cell r="L292" t="str">
            <v/>
          </cell>
        </row>
        <row r="293">
          <cell r="L293" t="str">
            <v/>
          </cell>
        </row>
        <row r="294">
          <cell r="L294" t="str">
            <v/>
          </cell>
        </row>
        <row r="295">
          <cell r="L295" t="str">
            <v/>
          </cell>
        </row>
        <row r="296">
          <cell r="L296" t="str">
            <v/>
          </cell>
        </row>
        <row r="297">
          <cell r="L297" t="str">
            <v/>
          </cell>
        </row>
        <row r="298">
          <cell r="L298" t="str">
            <v/>
          </cell>
        </row>
        <row r="299">
          <cell r="L299" t="str">
            <v/>
          </cell>
        </row>
        <row r="300">
          <cell r="L300" t="str">
            <v/>
          </cell>
        </row>
        <row r="301">
          <cell r="L301" t="str">
            <v/>
          </cell>
        </row>
        <row r="302">
          <cell r="L302" t="str">
            <v/>
          </cell>
        </row>
        <row r="303">
          <cell r="L303" t="str">
            <v/>
          </cell>
        </row>
        <row r="304">
          <cell r="L304" t="str">
            <v/>
          </cell>
        </row>
        <row r="305">
          <cell r="L305" t="str">
            <v/>
          </cell>
        </row>
        <row r="306">
          <cell r="L306" t="str">
            <v/>
          </cell>
        </row>
        <row r="307">
          <cell r="L307" t="str">
            <v/>
          </cell>
        </row>
        <row r="308">
          <cell r="L308" t="str">
            <v/>
          </cell>
        </row>
        <row r="309">
          <cell r="L309" t="str">
            <v/>
          </cell>
        </row>
        <row r="310">
          <cell r="L310" t="str">
            <v/>
          </cell>
        </row>
        <row r="311">
          <cell r="L311" t="str">
            <v/>
          </cell>
        </row>
        <row r="312">
          <cell r="L312" t="str">
            <v/>
          </cell>
        </row>
        <row r="313">
          <cell r="L313" t="str">
            <v/>
          </cell>
        </row>
        <row r="314">
          <cell r="L314" t="str">
            <v/>
          </cell>
        </row>
        <row r="315">
          <cell r="L315" t="str">
            <v/>
          </cell>
        </row>
        <row r="316">
          <cell r="L316" t="str">
            <v/>
          </cell>
        </row>
        <row r="317">
          <cell r="L317" t="str">
            <v/>
          </cell>
        </row>
        <row r="318">
          <cell r="L318" t="str">
            <v/>
          </cell>
        </row>
        <row r="319">
          <cell r="L319" t="str">
            <v/>
          </cell>
        </row>
        <row r="320">
          <cell r="L320" t="str">
            <v/>
          </cell>
        </row>
        <row r="321">
          <cell r="L321" t="str">
            <v/>
          </cell>
        </row>
        <row r="322">
          <cell r="L322" t="str">
            <v/>
          </cell>
        </row>
        <row r="323">
          <cell r="L323" t="str">
            <v/>
          </cell>
        </row>
        <row r="324">
          <cell r="L324" t="str">
            <v/>
          </cell>
        </row>
        <row r="325">
          <cell r="L325" t="str">
            <v/>
          </cell>
        </row>
        <row r="326">
          <cell r="L326" t="str">
            <v/>
          </cell>
        </row>
        <row r="327">
          <cell r="L327" t="str">
            <v/>
          </cell>
        </row>
        <row r="328">
          <cell r="L328" t="str">
            <v/>
          </cell>
        </row>
        <row r="329">
          <cell r="L329" t="str">
            <v/>
          </cell>
        </row>
        <row r="330">
          <cell r="L330" t="str">
            <v/>
          </cell>
        </row>
        <row r="331">
          <cell r="L331" t="str">
            <v/>
          </cell>
        </row>
        <row r="332">
          <cell r="L332" t="str">
            <v/>
          </cell>
        </row>
        <row r="333">
          <cell r="L333" t="str">
            <v/>
          </cell>
        </row>
        <row r="334">
          <cell r="L334" t="str">
            <v/>
          </cell>
        </row>
        <row r="335">
          <cell r="L335" t="str">
            <v/>
          </cell>
        </row>
        <row r="336">
          <cell r="L336" t="str">
            <v/>
          </cell>
        </row>
        <row r="337">
          <cell r="L337" t="str">
            <v/>
          </cell>
        </row>
        <row r="338">
          <cell r="L338" t="str">
            <v/>
          </cell>
        </row>
        <row r="339">
          <cell r="L339" t="str">
            <v/>
          </cell>
        </row>
        <row r="340">
          <cell r="L340" t="str">
            <v/>
          </cell>
        </row>
        <row r="341">
          <cell r="L341" t="str">
            <v/>
          </cell>
        </row>
        <row r="342">
          <cell r="L342" t="str">
            <v/>
          </cell>
        </row>
        <row r="343">
          <cell r="L343" t="str">
            <v/>
          </cell>
        </row>
        <row r="344">
          <cell r="L344" t="str">
            <v/>
          </cell>
        </row>
        <row r="345">
          <cell r="L345" t="str">
            <v/>
          </cell>
        </row>
        <row r="346">
          <cell r="L346" t="str">
            <v/>
          </cell>
        </row>
        <row r="347">
          <cell r="L347" t="str">
            <v/>
          </cell>
        </row>
        <row r="348">
          <cell r="L348" t="str">
            <v/>
          </cell>
        </row>
        <row r="349">
          <cell r="L349" t="str">
            <v/>
          </cell>
        </row>
        <row r="350">
          <cell r="L350" t="str">
            <v/>
          </cell>
        </row>
        <row r="351">
          <cell r="L351" t="str">
            <v/>
          </cell>
        </row>
        <row r="352">
          <cell r="L352" t="str">
            <v/>
          </cell>
        </row>
        <row r="353">
          <cell r="L353" t="str">
            <v/>
          </cell>
        </row>
        <row r="354">
          <cell r="L354" t="str">
            <v/>
          </cell>
        </row>
        <row r="355">
          <cell r="L355" t="str">
            <v/>
          </cell>
        </row>
        <row r="356">
          <cell r="L356" t="str">
            <v/>
          </cell>
        </row>
        <row r="357">
          <cell r="L357" t="str">
            <v/>
          </cell>
        </row>
        <row r="358">
          <cell r="L358" t="str">
            <v/>
          </cell>
        </row>
        <row r="359">
          <cell r="L359" t="str">
            <v/>
          </cell>
        </row>
        <row r="360">
          <cell r="L360" t="str">
            <v/>
          </cell>
        </row>
        <row r="361">
          <cell r="L361" t="str">
            <v/>
          </cell>
        </row>
        <row r="362">
          <cell r="L362" t="str">
            <v/>
          </cell>
        </row>
        <row r="363">
          <cell r="L363" t="str">
            <v/>
          </cell>
        </row>
        <row r="364">
          <cell r="L364" t="str">
            <v/>
          </cell>
        </row>
        <row r="365">
          <cell r="L365" t="str">
            <v/>
          </cell>
        </row>
        <row r="366">
          <cell r="L366" t="str">
            <v/>
          </cell>
        </row>
        <row r="367">
          <cell r="L367" t="str">
            <v/>
          </cell>
        </row>
        <row r="368">
          <cell r="L368" t="str">
            <v/>
          </cell>
        </row>
        <row r="369">
          <cell r="L369" t="str">
            <v/>
          </cell>
        </row>
        <row r="370">
          <cell r="L370" t="str">
            <v/>
          </cell>
        </row>
        <row r="371">
          <cell r="L371" t="str">
            <v/>
          </cell>
        </row>
        <row r="372">
          <cell r="L372" t="str">
            <v/>
          </cell>
        </row>
        <row r="373">
          <cell r="L373" t="str">
            <v/>
          </cell>
        </row>
        <row r="374">
          <cell r="L374" t="str">
            <v/>
          </cell>
        </row>
        <row r="375">
          <cell r="L375" t="str">
            <v/>
          </cell>
        </row>
        <row r="376">
          <cell r="L376" t="str">
            <v/>
          </cell>
        </row>
        <row r="377">
          <cell r="L377" t="str">
            <v/>
          </cell>
        </row>
        <row r="378">
          <cell r="L378" t="str">
            <v/>
          </cell>
        </row>
        <row r="379">
          <cell r="L379" t="str">
            <v/>
          </cell>
        </row>
        <row r="380">
          <cell r="L380" t="str">
            <v/>
          </cell>
        </row>
        <row r="381">
          <cell r="L381" t="str">
            <v/>
          </cell>
        </row>
        <row r="382">
          <cell r="L382" t="str">
            <v/>
          </cell>
        </row>
        <row r="383">
          <cell r="L383" t="str">
            <v/>
          </cell>
        </row>
        <row r="384">
          <cell r="L384" t="str">
            <v/>
          </cell>
        </row>
        <row r="385">
          <cell r="L385" t="str">
            <v/>
          </cell>
        </row>
        <row r="386">
          <cell r="L386" t="str">
            <v/>
          </cell>
        </row>
        <row r="387">
          <cell r="L387" t="str">
            <v/>
          </cell>
        </row>
        <row r="388">
          <cell r="L388" t="str">
            <v/>
          </cell>
        </row>
        <row r="389">
          <cell r="L389" t="str">
            <v/>
          </cell>
        </row>
        <row r="390">
          <cell r="L390" t="str">
            <v/>
          </cell>
        </row>
        <row r="391">
          <cell r="L391" t="str">
            <v/>
          </cell>
        </row>
        <row r="392">
          <cell r="L392" t="str">
            <v/>
          </cell>
        </row>
        <row r="393">
          <cell r="L393" t="str">
            <v/>
          </cell>
        </row>
        <row r="394">
          <cell r="L394" t="str">
            <v/>
          </cell>
        </row>
        <row r="395">
          <cell r="L395" t="str">
            <v/>
          </cell>
        </row>
        <row r="396">
          <cell r="L396" t="str">
            <v/>
          </cell>
        </row>
        <row r="397">
          <cell r="L397" t="str">
            <v/>
          </cell>
        </row>
        <row r="398">
          <cell r="L398" t="str">
            <v/>
          </cell>
        </row>
        <row r="399">
          <cell r="L399" t="str">
            <v/>
          </cell>
        </row>
        <row r="400">
          <cell r="L400" t="str">
            <v/>
          </cell>
        </row>
        <row r="401">
          <cell r="L401" t="str">
            <v/>
          </cell>
        </row>
        <row r="402">
          <cell r="L402" t="str">
            <v/>
          </cell>
        </row>
        <row r="403">
          <cell r="L403" t="str">
            <v/>
          </cell>
        </row>
        <row r="404">
          <cell r="L404" t="str">
            <v/>
          </cell>
        </row>
        <row r="405">
          <cell r="L405" t="str">
            <v/>
          </cell>
        </row>
        <row r="406">
          <cell r="L406" t="str">
            <v/>
          </cell>
        </row>
        <row r="407">
          <cell r="L407" t="str">
            <v/>
          </cell>
        </row>
        <row r="408">
          <cell r="L408" t="str">
            <v/>
          </cell>
        </row>
        <row r="409">
          <cell r="L409" t="str">
            <v/>
          </cell>
        </row>
        <row r="410">
          <cell r="L410" t="str">
            <v/>
          </cell>
        </row>
        <row r="411">
          <cell r="L411" t="str">
            <v/>
          </cell>
        </row>
        <row r="412">
          <cell r="L412" t="str">
            <v/>
          </cell>
        </row>
        <row r="413">
          <cell r="L413" t="str">
            <v/>
          </cell>
        </row>
        <row r="414">
          <cell r="L414" t="str">
            <v/>
          </cell>
        </row>
        <row r="415">
          <cell r="L415" t="str">
            <v/>
          </cell>
        </row>
        <row r="416">
          <cell r="L416" t="str">
            <v/>
          </cell>
        </row>
        <row r="417">
          <cell r="L417" t="str">
            <v/>
          </cell>
        </row>
        <row r="418">
          <cell r="L418" t="str">
            <v/>
          </cell>
        </row>
        <row r="419">
          <cell r="L419" t="str">
            <v/>
          </cell>
        </row>
        <row r="420">
          <cell r="L420" t="str">
            <v/>
          </cell>
        </row>
        <row r="421">
          <cell r="L421" t="str">
            <v/>
          </cell>
        </row>
        <row r="422">
          <cell r="L422" t="str">
            <v/>
          </cell>
        </row>
        <row r="423">
          <cell r="L423" t="str">
            <v/>
          </cell>
        </row>
        <row r="424">
          <cell r="L424" t="str">
            <v/>
          </cell>
        </row>
        <row r="425">
          <cell r="L425" t="str">
            <v/>
          </cell>
        </row>
        <row r="426">
          <cell r="L426" t="str">
            <v/>
          </cell>
        </row>
        <row r="427">
          <cell r="L427" t="str">
            <v/>
          </cell>
        </row>
        <row r="428">
          <cell r="L428" t="str">
            <v/>
          </cell>
        </row>
        <row r="429">
          <cell r="L429" t="str">
            <v/>
          </cell>
        </row>
        <row r="430">
          <cell r="L430" t="str">
            <v/>
          </cell>
        </row>
        <row r="431">
          <cell r="L431" t="str">
            <v/>
          </cell>
        </row>
        <row r="432">
          <cell r="L432" t="str">
            <v/>
          </cell>
        </row>
        <row r="433">
          <cell r="L433" t="str">
            <v/>
          </cell>
        </row>
        <row r="434">
          <cell r="L434" t="str">
            <v/>
          </cell>
        </row>
        <row r="435">
          <cell r="L435" t="str">
            <v/>
          </cell>
        </row>
        <row r="436">
          <cell r="L436" t="str">
            <v/>
          </cell>
        </row>
        <row r="437">
          <cell r="L437" t="str">
            <v/>
          </cell>
        </row>
        <row r="438">
          <cell r="L438" t="str">
            <v/>
          </cell>
        </row>
        <row r="439">
          <cell r="L439" t="str">
            <v/>
          </cell>
        </row>
        <row r="440">
          <cell r="L440" t="str">
            <v/>
          </cell>
        </row>
        <row r="441">
          <cell r="L441" t="str">
            <v/>
          </cell>
        </row>
        <row r="442">
          <cell r="L442" t="str">
            <v/>
          </cell>
        </row>
        <row r="443">
          <cell r="L443" t="str">
            <v/>
          </cell>
        </row>
        <row r="444">
          <cell r="L444" t="str">
            <v/>
          </cell>
        </row>
        <row r="445">
          <cell r="L445" t="str">
            <v/>
          </cell>
        </row>
        <row r="446">
          <cell r="L446" t="str">
            <v/>
          </cell>
        </row>
        <row r="447">
          <cell r="L447" t="str">
            <v/>
          </cell>
        </row>
        <row r="448">
          <cell r="L448" t="str">
            <v/>
          </cell>
        </row>
        <row r="449">
          <cell r="L449" t="str">
            <v/>
          </cell>
        </row>
        <row r="450">
          <cell r="L450" t="str">
            <v/>
          </cell>
        </row>
        <row r="451">
          <cell r="L451" t="str">
            <v/>
          </cell>
        </row>
        <row r="452">
          <cell r="L452" t="str">
            <v/>
          </cell>
        </row>
        <row r="453">
          <cell r="L453" t="str">
            <v/>
          </cell>
        </row>
        <row r="454">
          <cell r="L454" t="str">
            <v/>
          </cell>
        </row>
        <row r="455">
          <cell r="L455" t="str">
            <v/>
          </cell>
        </row>
        <row r="456">
          <cell r="L456" t="str">
            <v/>
          </cell>
        </row>
        <row r="457">
          <cell r="L457" t="str">
            <v/>
          </cell>
        </row>
        <row r="458">
          <cell r="L458" t="str">
            <v/>
          </cell>
        </row>
        <row r="459">
          <cell r="L459" t="str">
            <v/>
          </cell>
        </row>
        <row r="460">
          <cell r="L460" t="str">
            <v/>
          </cell>
        </row>
        <row r="461">
          <cell r="L461" t="str">
            <v/>
          </cell>
        </row>
        <row r="462">
          <cell r="L462" t="str">
            <v/>
          </cell>
        </row>
        <row r="463">
          <cell r="L463" t="str">
            <v/>
          </cell>
        </row>
        <row r="464">
          <cell r="L464" t="str">
            <v/>
          </cell>
        </row>
        <row r="465">
          <cell r="L465" t="str">
            <v/>
          </cell>
        </row>
        <row r="466">
          <cell r="L466" t="str">
            <v/>
          </cell>
        </row>
        <row r="467">
          <cell r="L467" t="str">
            <v/>
          </cell>
        </row>
        <row r="468">
          <cell r="L468" t="str">
            <v/>
          </cell>
        </row>
        <row r="469">
          <cell r="L469" t="str">
            <v/>
          </cell>
        </row>
        <row r="470">
          <cell r="L470" t="str">
            <v/>
          </cell>
        </row>
        <row r="471">
          <cell r="L471" t="str">
            <v/>
          </cell>
        </row>
        <row r="472">
          <cell r="L472" t="str">
            <v/>
          </cell>
        </row>
        <row r="473">
          <cell r="L473" t="str">
            <v/>
          </cell>
        </row>
        <row r="474">
          <cell r="L474" t="str">
            <v/>
          </cell>
        </row>
        <row r="475">
          <cell r="L475" t="str">
            <v/>
          </cell>
        </row>
        <row r="476">
          <cell r="L476" t="str">
            <v/>
          </cell>
        </row>
        <row r="477">
          <cell r="L477" t="str">
            <v/>
          </cell>
        </row>
        <row r="478">
          <cell r="L478" t="str">
            <v/>
          </cell>
        </row>
        <row r="479">
          <cell r="L479" t="str">
            <v/>
          </cell>
        </row>
        <row r="480">
          <cell r="L480" t="str">
            <v/>
          </cell>
        </row>
        <row r="481">
          <cell r="L481" t="str">
            <v/>
          </cell>
        </row>
        <row r="482">
          <cell r="L482" t="str">
            <v/>
          </cell>
        </row>
        <row r="483">
          <cell r="L483" t="str">
            <v/>
          </cell>
        </row>
        <row r="484">
          <cell r="L484" t="str">
            <v/>
          </cell>
        </row>
        <row r="485">
          <cell r="L485" t="str">
            <v/>
          </cell>
        </row>
        <row r="486">
          <cell r="L486" t="str">
            <v/>
          </cell>
        </row>
        <row r="487">
          <cell r="L487" t="str">
            <v/>
          </cell>
        </row>
        <row r="488">
          <cell r="L488" t="str">
            <v/>
          </cell>
        </row>
        <row r="489">
          <cell r="L489" t="str">
            <v/>
          </cell>
        </row>
        <row r="490">
          <cell r="L490" t="str">
            <v/>
          </cell>
        </row>
        <row r="491">
          <cell r="L491" t="str">
            <v/>
          </cell>
        </row>
        <row r="492">
          <cell r="L492" t="str">
            <v/>
          </cell>
        </row>
        <row r="493">
          <cell r="L493" t="str">
            <v/>
          </cell>
        </row>
        <row r="494">
          <cell r="L494" t="str">
            <v/>
          </cell>
        </row>
        <row r="495">
          <cell r="L495" t="str">
            <v/>
          </cell>
        </row>
        <row r="496">
          <cell r="L496" t="str">
            <v/>
          </cell>
        </row>
        <row r="497">
          <cell r="L497" t="str">
            <v/>
          </cell>
        </row>
        <row r="498">
          <cell r="L498" t="str">
            <v/>
          </cell>
        </row>
        <row r="499">
          <cell r="L499" t="str">
            <v/>
          </cell>
        </row>
        <row r="500">
          <cell r="L500" t="str">
            <v/>
          </cell>
        </row>
        <row r="501">
          <cell r="L501" t="str">
            <v/>
          </cell>
        </row>
        <row r="502">
          <cell r="L502" t="str">
            <v/>
          </cell>
        </row>
        <row r="503">
          <cell r="L503" t="str">
            <v/>
          </cell>
        </row>
        <row r="504">
          <cell r="L504" t="str">
            <v/>
          </cell>
        </row>
        <row r="505">
          <cell r="L505" t="str">
            <v/>
          </cell>
        </row>
        <row r="506">
          <cell r="L506" t="str">
            <v/>
          </cell>
        </row>
        <row r="507">
          <cell r="L507" t="str">
            <v/>
          </cell>
        </row>
        <row r="508">
          <cell r="L508" t="str">
            <v/>
          </cell>
        </row>
        <row r="509">
          <cell r="L509" t="str">
            <v/>
          </cell>
        </row>
        <row r="510">
          <cell r="L510" t="str">
            <v/>
          </cell>
        </row>
        <row r="511">
          <cell r="L511" t="str">
            <v/>
          </cell>
        </row>
        <row r="512">
          <cell r="L512" t="str">
            <v/>
          </cell>
        </row>
        <row r="513">
          <cell r="L513" t="str">
            <v/>
          </cell>
        </row>
        <row r="514">
          <cell r="L514" t="str">
            <v/>
          </cell>
        </row>
        <row r="515">
          <cell r="L515" t="str">
            <v/>
          </cell>
        </row>
        <row r="516">
          <cell r="L516" t="str">
            <v/>
          </cell>
        </row>
        <row r="517">
          <cell r="L517" t="str">
            <v/>
          </cell>
        </row>
        <row r="518">
          <cell r="L518" t="str">
            <v/>
          </cell>
        </row>
        <row r="519">
          <cell r="L519" t="str">
            <v/>
          </cell>
        </row>
        <row r="520">
          <cell r="L520" t="str">
            <v/>
          </cell>
        </row>
        <row r="521">
          <cell r="L521" t="str">
            <v/>
          </cell>
        </row>
        <row r="522">
          <cell r="L522" t="str">
            <v/>
          </cell>
        </row>
        <row r="523">
          <cell r="L523" t="str">
            <v/>
          </cell>
        </row>
        <row r="524">
          <cell r="L524" t="str">
            <v/>
          </cell>
        </row>
        <row r="525">
          <cell r="L525" t="str">
            <v/>
          </cell>
        </row>
        <row r="526">
          <cell r="L526" t="str">
            <v/>
          </cell>
        </row>
        <row r="527">
          <cell r="L527" t="str">
            <v/>
          </cell>
        </row>
        <row r="528">
          <cell r="L528" t="str">
            <v/>
          </cell>
        </row>
        <row r="529">
          <cell r="L529" t="str">
            <v/>
          </cell>
        </row>
        <row r="530">
          <cell r="L530" t="str">
            <v/>
          </cell>
        </row>
        <row r="531">
          <cell r="L531" t="str">
            <v/>
          </cell>
        </row>
        <row r="532">
          <cell r="L532" t="str">
            <v/>
          </cell>
        </row>
        <row r="533">
          <cell r="L533" t="str">
            <v/>
          </cell>
        </row>
        <row r="534">
          <cell r="L534" t="str">
            <v/>
          </cell>
        </row>
        <row r="535">
          <cell r="L535" t="str">
            <v/>
          </cell>
        </row>
        <row r="536">
          <cell r="L536" t="str">
            <v/>
          </cell>
        </row>
        <row r="537">
          <cell r="L537" t="str">
            <v/>
          </cell>
        </row>
        <row r="538">
          <cell r="L538" t="str">
            <v/>
          </cell>
        </row>
        <row r="539">
          <cell r="L539" t="str">
            <v/>
          </cell>
        </row>
        <row r="540">
          <cell r="L540" t="str">
            <v/>
          </cell>
        </row>
        <row r="541">
          <cell r="L541" t="str">
            <v/>
          </cell>
        </row>
        <row r="542">
          <cell r="L542" t="str">
            <v/>
          </cell>
        </row>
        <row r="543">
          <cell r="L543" t="str">
            <v/>
          </cell>
        </row>
        <row r="544">
          <cell r="L544" t="str">
            <v/>
          </cell>
        </row>
        <row r="545">
          <cell r="L545" t="str">
            <v/>
          </cell>
        </row>
        <row r="546">
          <cell r="L546" t="str">
            <v/>
          </cell>
        </row>
        <row r="547">
          <cell r="L547" t="str">
            <v/>
          </cell>
        </row>
        <row r="548">
          <cell r="L548" t="str">
            <v/>
          </cell>
        </row>
        <row r="549">
          <cell r="L549" t="str">
            <v/>
          </cell>
        </row>
        <row r="550">
          <cell r="L550" t="str">
            <v/>
          </cell>
        </row>
        <row r="551">
          <cell r="L551" t="str">
            <v/>
          </cell>
        </row>
        <row r="552">
          <cell r="L552" t="str">
            <v/>
          </cell>
        </row>
        <row r="553">
          <cell r="L553" t="str">
            <v/>
          </cell>
        </row>
        <row r="554">
          <cell r="L554" t="str">
            <v/>
          </cell>
        </row>
        <row r="555">
          <cell r="L555" t="str">
            <v/>
          </cell>
        </row>
        <row r="556">
          <cell r="L556" t="str">
            <v/>
          </cell>
        </row>
        <row r="557">
          <cell r="L557" t="str">
            <v/>
          </cell>
        </row>
        <row r="558">
          <cell r="L558" t="str">
            <v/>
          </cell>
        </row>
        <row r="559">
          <cell r="L559" t="str">
            <v/>
          </cell>
        </row>
        <row r="560">
          <cell r="L560" t="str">
            <v/>
          </cell>
        </row>
        <row r="561">
          <cell r="L561" t="str">
            <v/>
          </cell>
        </row>
        <row r="562">
          <cell r="L562" t="str">
            <v/>
          </cell>
        </row>
        <row r="563">
          <cell r="L563" t="str">
            <v/>
          </cell>
        </row>
        <row r="564">
          <cell r="L564" t="str">
            <v/>
          </cell>
        </row>
        <row r="565">
          <cell r="L565" t="str">
            <v/>
          </cell>
        </row>
        <row r="566">
          <cell r="L566" t="str">
            <v/>
          </cell>
        </row>
        <row r="567">
          <cell r="L567" t="str">
            <v/>
          </cell>
        </row>
        <row r="568">
          <cell r="L568" t="str">
            <v/>
          </cell>
        </row>
        <row r="569">
          <cell r="L569" t="str">
            <v/>
          </cell>
        </row>
        <row r="570">
          <cell r="L570" t="str">
            <v/>
          </cell>
        </row>
        <row r="571">
          <cell r="L571" t="str">
            <v/>
          </cell>
        </row>
        <row r="572">
          <cell r="L572" t="str">
            <v/>
          </cell>
        </row>
        <row r="573">
          <cell r="L573" t="str">
            <v/>
          </cell>
        </row>
        <row r="574">
          <cell r="L574" t="str">
            <v/>
          </cell>
        </row>
        <row r="575">
          <cell r="L575" t="str">
            <v/>
          </cell>
        </row>
        <row r="576">
          <cell r="L576" t="str">
            <v/>
          </cell>
        </row>
        <row r="577">
          <cell r="L577" t="str">
            <v/>
          </cell>
        </row>
        <row r="578">
          <cell r="L578" t="str">
            <v/>
          </cell>
        </row>
        <row r="579">
          <cell r="L579" t="str">
            <v/>
          </cell>
        </row>
        <row r="580">
          <cell r="L580" t="str">
            <v/>
          </cell>
        </row>
        <row r="581">
          <cell r="L581" t="str">
            <v/>
          </cell>
        </row>
        <row r="582">
          <cell r="L582" t="str">
            <v/>
          </cell>
        </row>
        <row r="583">
          <cell r="L583" t="str">
            <v/>
          </cell>
        </row>
        <row r="584">
          <cell r="L584" t="str">
            <v/>
          </cell>
        </row>
        <row r="585">
          <cell r="L585" t="str">
            <v/>
          </cell>
        </row>
        <row r="586">
          <cell r="L586" t="str">
            <v/>
          </cell>
        </row>
        <row r="587">
          <cell r="L587" t="str">
            <v/>
          </cell>
        </row>
        <row r="588">
          <cell r="L588" t="str">
            <v/>
          </cell>
        </row>
        <row r="589">
          <cell r="L589" t="str">
            <v/>
          </cell>
        </row>
        <row r="590">
          <cell r="L590" t="str">
            <v/>
          </cell>
        </row>
        <row r="591">
          <cell r="L591" t="str">
            <v/>
          </cell>
        </row>
        <row r="592">
          <cell r="L592" t="str">
            <v/>
          </cell>
        </row>
        <row r="593">
          <cell r="L593" t="str">
            <v/>
          </cell>
        </row>
        <row r="594">
          <cell r="L594" t="str">
            <v/>
          </cell>
        </row>
        <row r="595">
          <cell r="L595" t="str">
            <v/>
          </cell>
        </row>
        <row r="596">
          <cell r="L596" t="str">
            <v/>
          </cell>
        </row>
        <row r="597">
          <cell r="L597" t="str">
            <v/>
          </cell>
        </row>
        <row r="598">
          <cell r="L598" t="str">
            <v/>
          </cell>
        </row>
        <row r="599">
          <cell r="L599" t="str">
            <v/>
          </cell>
        </row>
        <row r="600">
          <cell r="L600" t="str">
            <v/>
          </cell>
        </row>
        <row r="601">
          <cell r="L601" t="str">
            <v/>
          </cell>
        </row>
        <row r="602">
          <cell r="L602" t="str">
            <v/>
          </cell>
        </row>
        <row r="603">
          <cell r="L603" t="str">
            <v/>
          </cell>
        </row>
        <row r="604">
          <cell r="L604" t="str">
            <v/>
          </cell>
        </row>
        <row r="605">
          <cell r="L605" t="str">
            <v/>
          </cell>
        </row>
        <row r="606">
          <cell r="L606" t="str">
            <v/>
          </cell>
        </row>
        <row r="607">
          <cell r="L607" t="str">
            <v/>
          </cell>
        </row>
        <row r="608">
          <cell r="L608" t="str">
            <v/>
          </cell>
        </row>
        <row r="609">
          <cell r="L609" t="str">
            <v/>
          </cell>
        </row>
        <row r="610">
          <cell r="L610" t="str">
            <v/>
          </cell>
        </row>
        <row r="611">
          <cell r="L611" t="str">
            <v/>
          </cell>
        </row>
        <row r="612">
          <cell r="L612" t="str">
            <v/>
          </cell>
        </row>
        <row r="613">
          <cell r="L613" t="str">
            <v/>
          </cell>
        </row>
        <row r="614">
          <cell r="L614" t="str">
            <v/>
          </cell>
        </row>
        <row r="615">
          <cell r="L615" t="str">
            <v/>
          </cell>
        </row>
        <row r="616">
          <cell r="L616" t="str">
            <v/>
          </cell>
        </row>
        <row r="617">
          <cell r="L617" t="str">
            <v/>
          </cell>
        </row>
        <row r="618">
          <cell r="L618" t="str">
            <v/>
          </cell>
        </row>
        <row r="619">
          <cell r="L619" t="str">
            <v/>
          </cell>
        </row>
        <row r="620">
          <cell r="L620" t="str">
            <v/>
          </cell>
        </row>
        <row r="621">
          <cell r="L621" t="str">
            <v/>
          </cell>
        </row>
        <row r="622">
          <cell r="L622" t="str">
            <v/>
          </cell>
        </row>
        <row r="623">
          <cell r="L623" t="str">
            <v/>
          </cell>
        </row>
        <row r="624">
          <cell r="L624" t="str">
            <v/>
          </cell>
        </row>
        <row r="625">
          <cell r="L625" t="str">
            <v/>
          </cell>
        </row>
        <row r="626">
          <cell r="L626" t="str">
            <v/>
          </cell>
        </row>
        <row r="627">
          <cell r="L627" t="str">
            <v/>
          </cell>
        </row>
        <row r="628">
          <cell r="L628" t="str">
            <v/>
          </cell>
        </row>
        <row r="629">
          <cell r="L629" t="str">
            <v/>
          </cell>
        </row>
        <row r="630">
          <cell r="L630" t="str">
            <v/>
          </cell>
        </row>
        <row r="631">
          <cell r="L631" t="str">
            <v/>
          </cell>
        </row>
        <row r="632">
          <cell r="L632" t="str">
            <v/>
          </cell>
        </row>
        <row r="633">
          <cell r="L633" t="str">
            <v/>
          </cell>
        </row>
        <row r="634">
          <cell r="L634" t="str">
            <v/>
          </cell>
        </row>
        <row r="635">
          <cell r="L635" t="str">
            <v/>
          </cell>
        </row>
        <row r="636">
          <cell r="L636" t="str">
            <v/>
          </cell>
        </row>
        <row r="637">
          <cell r="L637" t="str">
            <v/>
          </cell>
        </row>
        <row r="638">
          <cell r="L638" t="str">
            <v/>
          </cell>
        </row>
        <row r="639">
          <cell r="L639" t="str">
            <v/>
          </cell>
        </row>
        <row r="640">
          <cell r="L640" t="str">
            <v/>
          </cell>
        </row>
        <row r="641">
          <cell r="L641" t="str">
            <v/>
          </cell>
        </row>
        <row r="642">
          <cell r="L642" t="str">
            <v/>
          </cell>
        </row>
        <row r="643">
          <cell r="L643" t="str">
            <v/>
          </cell>
        </row>
        <row r="644">
          <cell r="L644" t="str">
            <v/>
          </cell>
        </row>
        <row r="645">
          <cell r="L645" t="str">
            <v/>
          </cell>
        </row>
        <row r="646">
          <cell r="L646" t="str">
            <v/>
          </cell>
        </row>
        <row r="647">
          <cell r="L647" t="str">
            <v/>
          </cell>
        </row>
        <row r="648">
          <cell r="L648" t="str">
            <v/>
          </cell>
        </row>
        <row r="649">
          <cell r="L649" t="str">
            <v/>
          </cell>
        </row>
        <row r="650">
          <cell r="L650" t="str">
            <v/>
          </cell>
        </row>
        <row r="651">
          <cell r="L651" t="str">
            <v/>
          </cell>
        </row>
        <row r="652">
          <cell r="L652" t="str">
            <v/>
          </cell>
        </row>
        <row r="653">
          <cell r="L653" t="str">
            <v/>
          </cell>
        </row>
        <row r="654">
          <cell r="L654" t="str">
            <v/>
          </cell>
        </row>
        <row r="655">
          <cell r="L655" t="str">
            <v/>
          </cell>
        </row>
        <row r="656">
          <cell r="L656" t="str">
            <v/>
          </cell>
        </row>
        <row r="657">
          <cell r="L657" t="str">
            <v/>
          </cell>
        </row>
        <row r="658">
          <cell r="L658" t="str">
            <v/>
          </cell>
        </row>
        <row r="659">
          <cell r="L659" t="str">
            <v/>
          </cell>
        </row>
        <row r="660">
          <cell r="L660" t="str">
            <v/>
          </cell>
        </row>
        <row r="661">
          <cell r="L661" t="str">
            <v/>
          </cell>
        </row>
        <row r="662">
          <cell r="L662" t="str">
            <v/>
          </cell>
        </row>
        <row r="663">
          <cell r="L663" t="str">
            <v/>
          </cell>
        </row>
        <row r="664">
          <cell r="L664" t="str">
            <v/>
          </cell>
        </row>
        <row r="665">
          <cell r="L665" t="str">
            <v/>
          </cell>
        </row>
        <row r="666">
          <cell r="L666" t="str">
            <v/>
          </cell>
        </row>
        <row r="667">
          <cell r="L667" t="str">
            <v/>
          </cell>
        </row>
        <row r="668">
          <cell r="L668" t="str">
            <v/>
          </cell>
        </row>
        <row r="669">
          <cell r="L669" t="str">
            <v/>
          </cell>
        </row>
        <row r="670">
          <cell r="L670" t="str">
            <v/>
          </cell>
        </row>
        <row r="671">
          <cell r="L671" t="str">
            <v/>
          </cell>
        </row>
        <row r="672">
          <cell r="L672" t="str">
            <v/>
          </cell>
        </row>
        <row r="673">
          <cell r="L673" t="str">
            <v/>
          </cell>
        </row>
        <row r="674">
          <cell r="L674" t="str">
            <v/>
          </cell>
        </row>
        <row r="675">
          <cell r="L675" t="str">
            <v/>
          </cell>
        </row>
        <row r="676">
          <cell r="L676" t="str">
            <v/>
          </cell>
        </row>
        <row r="677">
          <cell r="L677" t="str">
            <v/>
          </cell>
        </row>
        <row r="678">
          <cell r="L678" t="str">
            <v/>
          </cell>
        </row>
        <row r="679">
          <cell r="L679" t="str">
            <v/>
          </cell>
        </row>
        <row r="680">
          <cell r="L680" t="str">
            <v/>
          </cell>
        </row>
        <row r="681">
          <cell r="L681" t="str">
            <v/>
          </cell>
        </row>
        <row r="682">
          <cell r="L682" t="str">
            <v/>
          </cell>
        </row>
        <row r="683">
          <cell r="L683" t="str">
            <v/>
          </cell>
        </row>
        <row r="684">
          <cell r="L684" t="str">
            <v/>
          </cell>
        </row>
        <row r="685">
          <cell r="L685" t="str">
            <v/>
          </cell>
        </row>
        <row r="686">
          <cell r="L686" t="str">
            <v/>
          </cell>
        </row>
        <row r="687">
          <cell r="L687" t="str">
            <v/>
          </cell>
        </row>
        <row r="688">
          <cell r="L688" t="str">
            <v/>
          </cell>
        </row>
        <row r="689">
          <cell r="L689" t="str">
            <v/>
          </cell>
        </row>
        <row r="690">
          <cell r="L690" t="str">
            <v/>
          </cell>
        </row>
        <row r="691">
          <cell r="L691" t="str">
            <v/>
          </cell>
        </row>
        <row r="692">
          <cell r="L692" t="str">
            <v/>
          </cell>
        </row>
        <row r="693">
          <cell r="L693" t="str">
            <v/>
          </cell>
        </row>
        <row r="694">
          <cell r="L694" t="str">
            <v/>
          </cell>
        </row>
        <row r="695">
          <cell r="L695" t="str">
            <v/>
          </cell>
        </row>
        <row r="696">
          <cell r="L696" t="str">
            <v/>
          </cell>
        </row>
        <row r="697">
          <cell r="L697" t="str">
            <v/>
          </cell>
        </row>
        <row r="698">
          <cell r="L698" t="str">
            <v/>
          </cell>
        </row>
        <row r="699">
          <cell r="L699" t="str">
            <v/>
          </cell>
        </row>
        <row r="700">
          <cell r="L700" t="str">
            <v/>
          </cell>
        </row>
        <row r="701">
          <cell r="L701" t="str">
            <v/>
          </cell>
        </row>
        <row r="702">
          <cell r="L702" t="str">
            <v/>
          </cell>
        </row>
        <row r="703">
          <cell r="L703" t="str">
            <v/>
          </cell>
        </row>
        <row r="704">
          <cell r="L704" t="str">
            <v/>
          </cell>
        </row>
        <row r="705">
          <cell r="L705" t="str">
            <v/>
          </cell>
        </row>
        <row r="706">
          <cell r="L706" t="str">
            <v/>
          </cell>
        </row>
        <row r="707">
          <cell r="L707" t="str">
            <v/>
          </cell>
        </row>
        <row r="708">
          <cell r="L708" t="str">
            <v/>
          </cell>
        </row>
        <row r="709">
          <cell r="L709" t="str">
            <v/>
          </cell>
        </row>
        <row r="710">
          <cell r="L710" t="str">
            <v/>
          </cell>
        </row>
        <row r="711">
          <cell r="L711" t="str">
            <v/>
          </cell>
        </row>
        <row r="712">
          <cell r="L712" t="str">
            <v/>
          </cell>
        </row>
        <row r="713">
          <cell r="L713" t="str">
            <v/>
          </cell>
        </row>
        <row r="714">
          <cell r="L714" t="str">
            <v/>
          </cell>
        </row>
        <row r="715">
          <cell r="L715" t="str">
            <v/>
          </cell>
        </row>
        <row r="716">
          <cell r="L716" t="str">
            <v/>
          </cell>
        </row>
        <row r="717">
          <cell r="L717" t="str">
            <v/>
          </cell>
        </row>
        <row r="718">
          <cell r="L718" t="str">
            <v/>
          </cell>
        </row>
        <row r="719">
          <cell r="L719" t="str">
            <v/>
          </cell>
        </row>
        <row r="720">
          <cell r="L720" t="str">
            <v/>
          </cell>
        </row>
        <row r="721">
          <cell r="L721" t="str">
            <v/>
          </cell>
        </row>
        <row r="722">
          <cell r="L722" t="str">
            <v/>
          </cell>
        </row>
        <row r="723">
          <cell r="L723" t="str">
            <v/>
          </cell>
        </row>
        <row r="724">
          <cell r="L724" t="str">
            <v/>
          </cell>
        </row>
        <row r="725">
          <cell r="L725" t="str">
            <v/>
          </cell>
        </row>
        <row r="726">
          <cell r="L726" t="str">
            <v/>
          </cell>
        </row>
        <row r="727">
          <cell r="L727" t="str">
            <v/>
          </cell>
        </row>
        <row r="728">
          <cell r="L728" t="str">
            <v/>
          </cell>
        </row>
        <row r="729">
          <cell r="L729" t="str">
            <v/>
          </cell>
        </row>
        <row r="730">
          <cell r="L730" t="str">
            <v/>
          </cell>
        </row>
        <row r="731">
          <cell r="L731" t="str">
            <v/>
          </cell>
        </row>
        <row r="732">
          <cell r="L732" t="str">
            <v/>
          </cell>
        </row>
        <row r="733">
          <cell r="L733" t="str">
            <v/>
          </cell>
        </row>
        <row r="734">
          <cell r="L734" t="str">
            <v/>
          </cell>
        </row>
        <row r="735">
          <cell r="L735" t="str">
            <v/>
          </cell>
        </row>
        <row r="736">
          <cell r="L736" t="str">
            <v/>
          </cell>
        </row>
        <row r="737">
          <cell r="L737" t="str">
            <v/>
          </cell>
        </row>
        <row r="738">
          <cell r="L738" t="str">
            <v/>
          </cell>
        </row>
        <row r="739">
          <cell r="L739" t="str">
            <v/>
          </cell>
        </row>
        <row r="740">
          <cell r="L740" t="str">
            <v/>
          </cell>
        </row>
        <row r="741">
          <cell r="L741" t="str">
            <v/>
          </cell>
        </row>
        <row r="742">
          <cell r="L742" t="str">
            <v/>
          </cell>
        </row>
        <row r="743">
          <cell r="L743" t="str">
            <v/>
          </cell>
        </row>
        <row r="744">
          <cell r="L744" t="str">
            <v/>
          </cell>
        </row>
        <row r="745">
          <cell r="L745" t="str">
            <v/>
          </cell>
        </row>
        <row r="746">
          <cell r="L746" t="str">
            <v/>
          </cell>
        </row>
        <row r="747">
          <cell r="L747" t="str">
            <v/>
          </cell>
        </row>
        <row r="748">
          <cell r="L748" t="str">
            <v/>
          </cell>
        </row>
        <row r="749">
          <cell r="L749" t="str">
            <v/>
          </cell>
        </row>
        <row r="750">
          <cell r="L750" t="str">
            <v/>
          </cell>
        </row>
        <row r="751">
          <cell r="L751" t="str">
            <v/>
          </cell>
        </row>
        <row r="752">
          <cell r="L752" t="str">
            <v/>
          </cell>
        </row>
        <row r="753">
          <cell r="L753" t="str">
            <v/>
          </cell>
        </row>
        <row r="754">
          <cell r="L754" t="str">
            <v/>
          </cell>
        </row>
        <row r="755">
          <cell r="L755" t="str">
            <v/>
          </cell>
        </row>
        <row r="756">
          <cell r="L756" t="str">
            <v/>
          </cell>
        </row>
        <row r="757">
          <cell r="L757" t="str">
            <v/>
          </cell>
        </row>
        <row r="758">
          <cell r="L758" t="str">
            <v/>
          </cell>
        </row>
        <row r="759">
          <cell r="L759" t="str">
            <v/>
          </cell>
        </row>
        <row r="760">
          <cell r="L760" t="str">
            <v/>
          </cell>
        </row>
        <row r="761">
          <cell r="L761" t="str">
            <v/>
          </cell>
        </row>
        <row r="762">
          <cell r="L762" t="str">
            <v/>
          </cell>
        </row>
        <row r="763">
          <cell r="L763" t="str">
            <v/>
          </cell>
        </row>
        <row r="764">
          <cell r="L764" t="str">
            <v/>
          </cell>
        </row>
        <row r="765">
          <cell r="L765" t="str">
            <v/>
          </cell>
        </row>
        <row r="766">
          <cell r="L766" t="str">
            <v/>
          </cell>
        </row>
        <row r="767">
          <cell r="L767" t="str">
            <v/>
          </cell>
        </row>
        <row r="768">
          <cell r="L768" t="str">
            <v/>
          </cell>
        </row>
        <row r="769">
          <cell r="L769" t="str">
            <v/>
          </cell>
        </row>
        <row r="770">
          <cell r="L770" t="str">
            <v/>
          </cell>
        </row>
        <row r="771">
          <cell r="L771" t="str">
            <v/>
          </cell>
        </row>
        <row r="772">
          <cell r="L772" t="str">
            <v/>
          </cell>
        </row>
        <row r="773">
          <cell r="L773" t="str">
            <v/>
          </cell>
        </row>
        <row r="774">
          <cell r="L774" t="str">
            <v/>
          </cell>
        </row>
        <row r="775">
          <cell r="L775" t="str">
            <v/>
          </cell>
        </row>
        <row r="776">
          <cell r="L776" t="str">
            <v/>
          </cell>
        </row>
        <row r="777">
          <cell r="L777" t="str">
            <v/>
          </cell>
        </row>
        <row r="778">
          <cell r="L778" t="str">
            <v/>
          </cell>
        </row>
        <row r="779">
          <cell r="L779" t="str">
            <v/>
          </cell>
        </row>
        <row r="780">
          <cell r="L780" t="str">
            <v/>
          </cell>
        </row>
        <row r="781">
          <cell r="L781" t="str">
            <v/>
          </cell>
        </row>
        <row r="782">
          <cell r="L782" t="str">
            <v/>
          </cell>
        </row>
        <row r="783">
          <cell r="L783" t="str">
            <v/>
          </cell>
        </row>
        <row r="784">
          <cell r="L784" t="str">
            <v/>
          </cell>
        </row>
        <row r="785">
          <cell r="L785" t="str">
            <v/>
          </cell>
        </row>
        <row r="786">
          <cell r="L786" t="str">
            <v/>
          </cell>
        </row>
        <row r="787">
          <cell r="L787" t="str">
            <v/>
          </cell>
        </row>
        <row r="788">
          <cell r="L788" t="str">
            <v/>
          </cell>
        </row>
        <row r="789">
          <cell r="L789" t="str">
            <v/>
          </cell>
        </row>
        <row r="790">
          <cell r="L790" t="str">
            <v/>
          </cell>
        </row>
        <row r="791">
          <cell r="L791" t="str">
            <v/>
          </cell>
        </row>
        <row r="792">
          <cell r="L792" t="str">
            <v/>
          </cell>
        </row>
        <row r="793">
          <cell r="L793" t="str">
            <v/>
          </cell>
        </row>
        <row r="794">
          <cell r="L794" t="str">
            <v/>
          </cell>
        </row>
        <row r="795">
          <cell r="L795" t="str">
            <v/>
          </cell>
        </row>
        <row r="796">
          <cell r="L796" t="str">
            <v/>
          </cell>
        </row>
        <row r="797">
          <cell r="L797" t="str">
            <v/>
          </cell>
        </row>
        <row r="798">
          <cell r="L798" t="str">
            <v/>
          </cell>
        </row>
        <row r="799">
          <cell r="L799" t="str">
            <v/>
          </cell>
        </row>
        <row r="800">
          <cell r="L800" t="str">
            <v/>
          </cell>
        </row>
        <row r="801">
          <cell r="L801" t="str">
            <v/>
          </cell>
        </row>
        <row r="802">
          <cell r="L802" t="str">
            <v/>
          </cell>
        </row>
        <row r="803">
          <cell r="L803" t="str">
            <v/>
          </cell>
        </row>
        <row r="804">
          <cell r="L804" t="str">
            <v/>
          </cell>
        </row>
        <row r="805">
          <cell r="L805" t="str">
            <v/>
          </cell>
        </row>
        <row r="806">
          <cell r="L806" t="str">
            <v/>
          </cell>
        </row>
        <row r="807">
          <cell r="L807" t="str">
            <v/>
          </cell>
        </row>
        <row r="808">
          <cell r="L808" t="str">
            <v/>
          </cell>
        </row>
        <row r="809">
          <cell r="L809" t="str">
            <v/>
          </cell>
        </row>
        <row r="810">
          <cell r="L810" t="str">
            <v/>
          </cell>
        </row>
        <row r="811">
          <cell r="L811" t="str">
            <v/>
          </cell>
        </row>
        <row r="812">
          <cell r="L812" t="str">
            <v/>
          </cell>
        </row>
        <row r="813">
          <cell r="L813" t="str">
            <v/>
          </cell>
        </row>
        <row r="814">
          <cell r="L814" t="str">
            <v/>
          </cell>
        </row>
        <row r="815">
          <cell r="L815" t="str">
            <v/>
          </cell>
        </row>
        <row r="816">
          <cell r="L816" t="str">
            <v/>
          </cell>
        </row>
        <row r="817">
          <cell r="L817" t="str">
            <v/>
          </cell>
        </row>
        <row r="818">
          <cell r="L818" t="str">
            <v/>
          </cell>
        </row>
        <row r="819">
          <cell r="L819" t="str">
            <v/>
          </cell>
        </row>
        <row r="820">
          <cell r="L820" t="str">
            <v/>
          </cell>
        </row>
        <row r="821">
          <cell r="L821" t="str">
            <v/>
          </cell>
        </row>
        <row r="822">
          <cell r="L822" t="str">
            <v/>
          </cell>
        </row>
        <row r="823">
          <cell r="L823" t="str">
            <v/>
          </cell>
        </row>
        <row r="824">
          <cell r="L824" t="str">
            <v/>
          </cell>
        </row>
        <row r="825">
          <cell r="L825" t="str">
            <v/>
          </cell>
        </row>
        <row r="826">
          <cell r="L826" t="str">
            <v/>
          </cell>
        </row>
        <row r="827">
          <cell r="L827" t="str">
            <v/>
          </cell>
        </row>
        <row r="828">
          <cell r="L828" t="str">
            <v/>
          </cell>
        </row>
        <row r="829">
          <cell r="L829" t="str">
            <v/>
          </cell>
        </row>
        <row r="830">
          <cell r="L830" t="str">
            <v/>
          </cell>
        </row>
        <row r="831">
          <cell r="L831" t="str">
            <v/>
          </cell>
        </row>
        <row r="832">
          <cell r="L832" t="str">
            <v/>
          </cell>
        </row>
        <row r="833">
          <cell r="L833" t="str">
            <v/>
          </cell>
        </row>
        <row r="834">
          <cell r="L834" t="str">
            <v/>
          </cell>
        </row>
        <row r="835">
          <cell r="L835" t="str">
            <v/>
          </cell>
        </row>
        <row r="836">
          <cell r="L836" t="str">
            <v/>
          </cell>
        </row>
        <row r="837">
          <cell r="L837" t="str">
            <v/>
          </cell>
        </row>
        <row r="838">
          <cell r="L838" t="str">
            <v/>
          </cell>
        </row>
        <row r="839">
          <cell r="L839" t="str">
            <v/>
          </cell>
        </row>
        <row r="840">
          <cell r="L840" t="str">
            <v/>
          </cell>
        </row>
        <row r="841">
          <cell r="L841" t="str">
            <v/>
          </cell>
        </row>
        <row r="842">
          <cell r="L842" t="str">
            <v/>
          </cell>
        </row>
        <row r="843">
          <cell r="L843" t="str">
            <v/>
          </cell>
        </row>
        <row r="844">
          <cell r="L844" t="str">
            <v/>
          </cell>
        </row>
        <row r="845">
          <cell r="L845" t="str">
            <v/>
          </cell>
        </row>
        <row r="846">
          <cell r="L846" t="str">
            <v/>
          </cell>
        </row>
        <row r="847">
          <cell r="L847" t="str">
            <v/>
          </cell>
        </row>
        <row r="848">
          <cell r="L848" t="str">
            <v/>
          </cell>
        </row>
        <row r="849">
          <cell r="L849" t="str">
            <v/>
          </cell>
        </row>
        <row r="850">
          <cell r="L850" t="str">
            <v/>
          </cell>
        </row>
        <row r="851">
          <cell r="L851" t="str">
            <v/>
          </cell>
        </row>
        <row r="852">
          <cell r="L852" t="str">
            <v/>
          </cell>
        </row>
        <row r="853">
          <cell r="L853" t="str">
            <v/>
          </cell>
        </row>
        <row r="854">
          <cell r="L854" t="str">
            <v/>
          </cell>
        </row>
        <row r="855">
          <cell r="L855" t="str">
            <v/>
          </cell>
        </row>
        <row r="856">
          <cell r="L856" t="str">
            <v/>
          </cell>
        </row>
        <row r="857">
          <cell r="L857" t="str">
            <v/>
          </cell>
        </row>
        <row r="858">
          <cell r="L858" t="str">
            <v/>
          </cell>
        </row>
        <row r="859">
          <cell r="L859" t="str">
            <v/>
          </cell>
        </row>
        <row r="860">
          <cell r="L860" t="str">
            <v/>
          </cell>
        </row>
        <row r="861">
          <cell r="L861" t="str">
            <v/>
          </cell>
        </row>
        <row r="862">
          <cell r="L862" t="str">
            <v/>
          </cell>
        </row>
        <row r="863">
          <cell r="L863" t="str">
            <v/>
          </cell>
        </row>
        <row r="864">
          <cell r="L864" t="str">
            <v/>
          </cell>
        </row>
        <row r="865">
          <cell r="L865" t="str">
            <v/>
          </cell>
        </row>
        <row r="866">
          <cell r="L866" t="str">
            <v/>
          </cell>
        </row>
        <row r="867">
          <cell r="L867" t="str">
            <v/>
          </cell>
        </row>
        <row r="868">
          <cell r="L868" t="str">
            <v/>
          </cell>
        </row>
        <row r="869">
          <cell r="L869" t="str">
            <v/>
          </cell>
        </row>
        <row r="870">
          <cell r="L870" t="str">
            <v/>
          </cell>
        </row>
        <row r="871">
          <cell r="L871" t="str">
            <v/>
          </cell>
        </row>
        <row r="872">
          <cell r="L872" t="str">
            <v/>
          </cell>
        </row>
        <row r="873">
          <cell r="L873" t="str">
            <v/>
          </cell>
        </row>
        <row r="874">
          <cell r="L874" t="str">
            <v/>
          </cell>
        </row>
        <row r="875">
          <cell r="L875" t="str">
            <v/>
          </cell>
        </row>
        <row r="876">
          <cell r="L876" t="str">
            <v/>
          </cell>
        </row>
        <row r="877">
          <cell r="L877" t="str">
            <v/>
          </cell>
        </row>
        <row r="878">
          <cell r="L878" t="str">
            <v/>
          </cell>
        </row>
        <row r="879">
          <cell r="L879" t="str">
            <v/>
          </cell>
        </row>
        <row r="880">
          <cell r="L880" t="str">
            <v/>
          </cell>
        </row>
        <row r="881">
          <cell r="L881" t="str">
            <v/>
          </cell>
        </row>
        <row r="882">
          <cell r="L882" t="str">
            <v/>
          </cell>
        </row>
        <row r="883">
          <cell r="L883" t="str">
            <v/>
          </cell>
        </row>
        <row r="884">
          <cell r="L884" t="str">
            <v/>
          </cell>
        </row>
        <row r="885">
          <cell r="L885" t="str">
            <v/>
          </cell>
        </row>
        <row r="886">
          <cell r="L886" t="str">
            <v/>
          </cell>
        </row>
        <row r="887">
          <cell r="L887" t="str">
            <v/>
          </cell>
        </row>
        <row r="888">
          <cell r="L888" t="str">
            <v/>
          </cell>
        </row>
        <row r="889">
          <cell r="L889" t="str">
            <v/>
          </cell>
        </row>
        <row r="890">
          <cell r="L890" t="str">
            <v/>
          </cell>
        </row>
        <row r="891">
          <cell r="L891" t="str">
            <v/>
          </cell>
        </row>
        <row r="892">
          <cell r="L892" t="str">
            <v/>
          </cell>
        </row>
        <row r="893">
          <cell r="L893" t="str">
            <v/>
          </cell>
        </row>
        <row r="894">
          <cell r="L894" t="str">
            <v/>
          </cell>
        </row>
        <row r="895">
          <cell r="L895" t="str">
            <v/>
          </cell>
        </row>
        <row r="896">
          <cell r="L896" t="str">
            <v/>
          </cell>
        </row>
        <row r="897">
          <cell r="L897" t="str">
            <v/>
          </cell>
        </row>
        <row r="898">
          <cell r="L898" t="str">
            <v/>
          </cell>
        </row>
        <row r="899">
          <cell r="L899" t="str">
            <v/>
          </cell>
        </row>
        <row r="900">
          <cell r="L900" t="str">
            <v/>
          </cell>
        </row>
        <row r="901">
          <cell r="L901" t="str">
            <v/>
          </cell>
        </row>
        <row r="902">
          <cell r="L902" t="str">
            <v/>
          </cell>
        </row>
        <row r="903">
          <cell r="L903" t="str">
            <v/>
          </cell>
        </row>
        <row r="904">
          <cell r="L904" t="str">
            <v/>
          </cell>
        </row>
        <row r="905">
          <cell r="L905" t="str">
            <v/>
          </cell>
        </row>
        <row r="906">
          <cell r="L906" t="str">
            <v/>
          </cell>
        </row>
        <row r="907">
          <cell r="L907" t="str">
            <v/>
          </cell>
        </row>
        <row r="908">
          <cell r="L908" t="str">
            <v/>
          </cell>
        </row>
        <row r="909">
          <cell r="L909" t="str">
            <v/>
          </cell>
        </row>
        <row r="910">
          <cell r="L910" t="str">
            <v/>
          </cell>
        </row>
        <row r="911">
          <cell r="L911" t="str">
            <v/>
          </cell>
        </row>
        <row r="912">
          <cell r="L912" t="str">
            <v/>
          </cell>
        </row>
        <row r="913">
          <cell r="L913" t="str">
            <v/>
          </cell>
        </row>
        <row r="914">
          <cell r="L914" t="str">
            <v/>
          </cell>
        </row>
        <row r="915">
          <cell r="L915" t="str">
            <v/>
          </cell>
        </row>
        <row r="916">
          <cell r="L916" t="str">
            <v/>
          </cell>
        </row>
        <row r="917">
          <cell r="L917" t="str">
            <v/>
          </cell>
        </row>
        <row r="918">
          <cell r="L918" t="str">
            <v/>
          </cell>
        </row>
        <row r="919">
          <cell r="L919" t="str">
            <v/>
          </cell>
        </row>
        <row r="920">
          <cell r="L920" t="str">
            <v/>
          </cell>
        </row>
        <row r="921">
          <cell r="L921" t="str">
            <v/>
          </cell>
        </row>
        <row r="922">
          <cell r="L922" t="str">
            <v/>
          </cell>
        </row>
        <row r="923">
          <cell r="L923" t="str">
            <v/>
          </cell>
        </row>
        <row r="924">
          <cell r="L924" t="str">
            <v/>
          </cell>
        </row>
        <row r="925">
          <cell r="L925" t="str">
            <v/>
          </cell>
        </row>
        <row r="926">
          <cell r="L926" t="str">
            <v/>
          </cell>
        </row>
        <row r="927">
          <cell r="L927" t="str">
            <v/>
          </cell>
        </row>
        <row r="928">
          <cell r="L928" t="str">
            <v/>
          </cell>
        </row>
        <row r="929">
          <cell r="L929" t="str">
            <v/>
          </cell>
        </row>
        <row r="930">
          <cell r="L930" t="str">
            <v/>
          </cell>
        </row>
        <row r="931">
          <cell r="L931" t="str">
            <v/>
          </cell>
        </row>
        <row r="932">
          <cell r="L932" t="str">
            <v/>
          </cell>
        </row>
        <row r="933">
          <cell r="L933" t="str">
            <v/>
          </cell>
        </row>
        <row r="934">
          <cell r="L934" t="str">
            <v/>
          </cell>
        </row>
        <row r="935">
          <cell r="L935" t="str">
            <v/>
          </cell>
        </row>
        <row r="936">
          <cell r="L936" t="str">
            <v/>
          </cell>
        </row>
        <row r="937">
          <cell r="L937" t="str">
            <v/>
          </cell>
        </row>
        <row r="938">
          <cell r="L938" t="str">
            <v/>
          </cell>
        </row>
        <row r="939">
          <cell r="L939" t="str">
            <v/>
          </cell>
        </row>
        <row r="940">
          <cell r="L940" t="str">
            <v/>
          </cell>
        </row>
        <row r="941">
          <cell r="L941" t="str">
            <v/>
          </cell>
        </row>
        <row r="942">
          <cell r="L942" t="str">
            <v/>
          </cell>
        </row>
        <row r="943">
          <cell r="L943" t="str">
            <v/>
          </cell>
        </row>
        <row r="944">
          <cell r="L944" t="str">
            <v/>
          </cell>
        </row>
        <row r="945">
          <cell r="L945" t="str">
            <v/>
          </cell>
        </row>
        <row r="946">
          <cell r="L946" t="str">
            <v/>
          </cell>
        </row>
        <row r="947">
          <cell r="L947" t="str">
            <v/>
          </cell>
        </row>
        <row r="948">
          <cell r="L948" t="str">
            <v/>
          </cell>
        </row>
        <row r="949">
          <cell r="L949" t="str">
            <v/>
          </cell>
        </row>
        <row r="950">
          <cell r="L950" t="str">
            <v/>
          </cell>
        </row>
        <row r="951">
          <cell r="L951" t="str">
            <v/>
          </cell>
        </row>
        <row r="952">
          <cell r="L952" t="str">
            <v/>
          </cell>
        </row>
        <row r="953">
          <cell r="L953" t="str">
            <v/>
          </cell>
        </row>
        <row r="954">
          <cell r="L954" t="str">
            <v/>
          </cell>
        </row>
        <row r="955">
          <cell r="L955" t="str">
            <v/>
          </cell>
        </row>
        <row r="956">
          <cell r="L956" t="str">
            <v/>
          </cell>
        </row>
        <row r="957">
          <cell r="L957" t="str">
            <v/>
          </cell>
        </row>
        <row r="958">
          <cell r="L958" t="str">
            <v/>
          </cell>
        </row>
        <row r="959">
          <cell r="L959" t="str">
            <v/>
          </cell>
        </row>
        <row r="960">
          <cell r="L960" t="str">
            <v/>
          </cell>
        </row>
        <row r="961">
          <cell r="L961" t="str">
            <v/>
          </cell>
        </row>
        <row r="962">
          <cell r="L962" t="str">
            <v/>
          </cell>
        </row>
        <row r="963">
          <cell r="L963" t="str">
            <v/>
          </cell>
        </row>
        <row r="964">
          <cell r="L964" t="str">
            <v/>
          </cell>
        </row>
        <row r="965">
          <cell r="L965" t="str">
            <v/>
          </cell>
        </row>
        <row r="966">
          <cell r="L966" t="str">
            <v/>
          </cell>
        </row>
        <row r="967">
          <cell r="L967" t="str">
            <v/>
          </cell>
        </row>
        <row r="968">
          <cell r="L968" t="str">
            <v/>
          </cell>
        </row>
        <row r="969">
          <cell r="L969" t="str">
            <v/>
          </cell>
        </row>
        <row r="970">
          <cell r="L970" t="str">
            <v/>
          </cell>
        </row>
        <row r="971">
          <cell r="L971" t="str">
            <v/>
          </cell>
        </row>
        <row r="972">
          <cell r="L972" t="str">
            <v/>
          </cell>
        </row>
        <row r="973">
          <cell r="L973" t="str">
            <v/>
          </cell>
        </row>
        <row r="974">
          <cell r="L974" t="str">
            <v/>
          </cell>
        </row>
        <row r="975">
          <cell r="L975" t="str">
            <v/>
          </cell>
        </row>
        <row r="976">
          <cell r="L976" t="str">
            <v/>
          </cell>
        </row>
        <row r="977">
          <cell r="L977" t="str">
            <v/>
          </cell>
        </row>
        <row r="978">
          <cell r="L978" t="str">
            <v/>
          </cell>
        </row>
        <row r="979">
          <cell r="L979" t="str">
            <v/>
          </cell>
        </row>
        <row r="980">
          <cell r="L980" t="str">
            <v/>
          </cell>
        </row>
        <row r="981">
          <cell r="L981" t="str">
            <v/>
          </cell>
        </row>
        <row r="982">
          <cell r="L982" t="str">
            <v/>
          </cell>
        </row>
        <row r="983">
          <cell r="L983" t="str">
            <v/>
          </cell>
        </row>
        <row r="984">
          <cell r="L984" t="str">
            <v/>
          </cell>
        </row>
        <row r="985">
          <cell r="L985" t="str">
            <v/>
          </cell>
        </row>
        <row r="986">
          <cell r="L986" t="str">
            <v/>
          </cell>
        </row>
        <row r="987">
          <cell r="L987" t="str">
            <v/>
          </cell>
        </row>
        <row r="988">
          <cell r="L988" t="str">
            <v/>
          </cell>
        </row>
        <row r="989">
          <cell r="L989" t="str">
            <v/>
          </cell>
        </row>
        <row r="990">
          <cell r="L990" t="str">
            <v/>
          </cell>
        </row>
        <row r="991">
          <cell r="L991" t="str">
            <v/>
          </cell>
        </row>
        <row r="992">
          <cell r="L992" t="str">
            <v/>
          </cell>
        </row>
        <row r="993">
          <cell r="L993" t="str">
            <v/>
          </cell>
        </row>
        <row r="994">
          <cell r="L994" t="str">
            <v/>
          </cell>
        </row>
        <row r="995">
          <cell r="L995" t="str">
            <v/>
          </cell>
        </row>
        <row r="996">
          <cell r="L996" t="str">
            <v/>
          </cell>
        </row>
        <row r="997">
          <cell r="L997" t="str">
            <v/>
          </cell>
        </row>
        <row r="998">
          <cell r="L998" t="str">
            <v/>
          </cell>
        </row>
        <row r="999">
          <cell r="L999" t="str">
            <v/>
          </cell>
        </row>
        <row r="1000">
          <cell r="L1000" t="str">
            <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a:no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73A0DC-56B8-4FD3-9893-E93546A58F4D}">
  <sheetPr>
    <pageSetUpPr fitToPage="1"/>
  </sheetPr>
  <dimension ref="A1:CW70"/>
  <sheetViews>
    <sheetView showGridLines="0" tabSelected="1" zoomScale="70" zoomScaleNormal="70" zoomScaleSheetLayoutView="70" workbookViewId="0">
      <selection sqref="A1:CN1"/>
    </sheetView>
  </sheetViews>
  <sheetFormatPr defaultColWidth="1.33203125" defaultRowHeight="18" customHeight="1" x14ac:dyDescent="0.2"/>
  <cols>
    <col min="1" max="4" width="1.44140625" style="63" customWidth="1"/>
    <col min="5" max="6" width="1.44140625" style="62" customWidth="1"/>
    <col min="7" max="8" width="1.44140625" style="32" customWidth="1"/>
    <col min="9" max="92" width="1.44140625" style="63" customWidth="1"/>
    <col min="93" max="93" width="1.44140625" style="63" hidden="1" customWidth="1"/>
    <col min="94" max="94" width="1.44140625" style="63" customWidth="1"/>
    <col min="95" max="95" width="4.77734375" style="158" customWidth="1"/>
    <col min="96" max="96" width="51.77734375" style="306" hidden="1" customWidth="1"/>
    <col min="97" max="97" width="51.77734375" style="63" customWidth="1"/>
    <col min="98" max="100" width="1.33203125" style="63"/>
    <col min="101" max="101" width="2.77734375" style="63" bestFit="1" customWidth="1"/>
    <col min="102" max="16384" width="1.33203125" style="63"/>
  </cols>
  <sheetData>
    <row r="1" spans="1:97" ht="36" customHeight="1" x14ac:dyDescent="0.2">
      <c r="A1" s="533" t="s">
        <v>1221</v>
      </c>
      <c r="B1" s="533"/>
      <c r="C1" s="533"/>
      <c r="D1" s="533"/>
      <c r="E1" s="533"/>
      <c r="F1" s="533"/>
      <c r="G1" s="533"/>
      <c r="H1" s="533"/>
      <c r="I1" s="533"/>
      <c r="J1" s="533"/>
      <c r="K1" s="533"/>
      <c r="L1" s="533"/>
      <c r="M1" s="533"/>
      <c r="N1" s="533"/>
      <c r="O1" s="533"/>
      <c r="P1" s="533"/>
      <c r="Q1" s="533"/>
      <c r="R1" s="533"/>
      <c r="S1" s="533"/>
      <c r="T1" s="533"/>
      <c r="U1" s="533"/>
      <c r="V1" s="533"/>
      <c r="W1" s="533"/>
      <c r="X1" s="533"/>
      <c r="Y1" s="533"/>
      <c r="Z1" s="533"/>
      <c r="AA1" s="533"/>
      <c r="AB1" s="533"/>
      <c r="AC1" s="533"/>
      <c r="AD1" s="533"/>
      <c r="AE1" s="533"/>
      <c r="AF1" s="533"/>
      <c r="AG1" s="533"/>
      <c r="AH1" s="533"/>
      <c r="AI1" s="533"/>
      <c r="AJ1" s="533"/>
      <c r="AK1" s="533"/>
      <c r="AL1" s="533"/>
      <c r="AM1" s="533"/>
      <c r="AN1" s="533"/>
      <c r="AO1" s="533"/>
      <c r="AP1" s="533"/>
      <c r="AQ1" s="533"/>
      <c r="AR1" s="533"/>
      <c r="AS1" s="533"/>
      <c r="AT1" s="533"/>
      <c r="AU1" s="533"/>
      <c r="AV1" s="533"/>
      <c r="AW1" s="533"/>
      <c r="AX1" s="533"/>
      <c r="AY1" s="533"/>
      <c r="AZ1" s="533"/>
      <c r="BA1" s="533"/>
      <c r="BB1" s="533"/>
      <c r="BC1" s="533"/>
      <c r="BD1" s="533"/>
      <c r="BE1" s="533"/>
      <c r="BF1" s="533"/>
      <c r="BG1" s="533"/>
      <c r="BH1" s="533"/>
      <c r="BI1" s="533"/>
      <c r="BJ1" s="533"/>
      <c r="BK1" s="533"/>
      <c r="BL1" s="533"/>
      <c r="BM1" s="533"/>
      <c r="BN1" s="533"/>
      <c r="BO1" s="533"/>
      <c r="BP1" s="533"/>
      <c r="BQ1" s="533"/>
      <c r="BR1" s="533"/>
      <c r="BS1" s="533"/>
      <c r="BT1" s="533"/>
      <c r="BU1" s="533"/>
      <c r="BV1" s="533"/>
      <c r="BW1" s="533"/>
      <c r="BX1" s="533"/>
      <c r="BY1" s="533"/>
      <c r="BZ1" s="533"/>
      <c r="CA1" s="533"/>
      <c r="CB1" s="533"/>
      <c r="CC1" s="533"/>
      <c r="CD1" s="533"/>
      <c r="CE1" s="533"/>
      <c r="CF1" s="533"/>
      <c r="CG1" s="533"/>
      <c r="CH1" s="533"/>
      <c r="CI1" s="533"/>
      <c r="CJ1" s="533"/>
      <c r="CK1" s="533"/>
      <c r="CL1" s="533"/>
      <c r="CM1" s="533"/>
      <c r="CN1" s="533"/>
      <c r="CO1" s="310"/>
      <c r="CP1" s="260"/>
    </row>
    <row r="2" spans="1:97" ht="65.400000000000006" customHeight="1" x14ac:dyDescent="0.2">
      <c r="A2" s="507" t="s">
        <v>1222</v>
      </c>
      <c r="B2" s="508"/>
      <c r="C2" s="508"/>
      <c r="D2" s="508"/>
      <c r="E2" s="508"/>
      <c r="F2" s="508"/>
      <c r="G2" s="508"/>
      <c r="H2" s="508"/>
      <c r="I2" s="508"/>
      <c r="J2" s="508"/>
      <c r="K2" s="508"/>
      <c r="L2" s="508"/>
      <c r="M2" s="508"/>
      <c r="N2" s="508"/>
      <c r="O2" s="508"/>
      <c r="P2" s="508"/>
      <c r="Q2" s="508"/>
      <c r="R2" s="508"/>
      <c r="S2" s="508"/>
      <c r="T2" s="508"/>
      <c r="U2" s="508"/>
      <c r="V2" s="508"/>
      <c r="W2" s="508"/>
      <c r="X2" s="508"/>
      <c r="Y2" s="508"/>
      <c r="Z2" s="508"/>
      <c r="AA2" s="508"/>
      <c r="AB2" s="508"/>
      <c r="AC2" s="508"/>
      <c r="AD2" s="508"/>
      <c r="AE2" s="508"/>
      <c r="AF2" s="508"/>
      <c r="AG2" s="508"/>
      <c r="AH2" s="508"/>
      <c r="AI2" s="508"/>
      <c r="AJ2" s="508"/>
      <c r="AK2" s="508"/>
      <c r="AL2" s="508"/>
      <c r="AM2" s="508"/>
      <c r="AN2" s="508"/>
      <c r="AO2" s="508"/>
      <c r="AP2" s="508"/>
      <c r="AQ2" s="508"/>
      <c r="AR2" s="508"/>
      <c r="AS2" s="508"/>
      <c r="AT2" s="508"/>
      <c r="AU2" s="508"/>
      <c r="AV2" s="508"/>
      <c r="AW2" s="508"/>
      <c r="AX2" s="508"/>
      <c r="AY2" s="508"/>
      <c r="AZ2" s="508"/>
      <c r="BA2" s="508"/>
      <c r="BB2" s="508"/>
      <c r="BC2" s="508"/>
      <c r="BD2" s="508"/>
      <c r="BE2" s="508"/>
      <c r="BF2" s="508"/>
      <c r="BG2" s="508"/>
      <c r="BH2" s="508"/>
      <c r="BI2" s="508"/>
      <c r="BJ2" s="508"/>
      <c r="BK2" s="508"/>
      <c r="BL2" s="508"/>
      <c r="BM2" s="508"/>
      <c r="BN2" s="508"/>
      <c r="BO2" s="508"/>
      <c r="BP2" s="508"/>
      <c r="BQ2" s="508"/>
      <c r="BR2" s="508"/>
      <c r="BS2" s="508"/>
      <c r="BT2" s="508"/>
      <c r="BU2" s="508"/>
      <c r="BV2" s="508"/>
      <c r="BW2" s="508"/>
      <c r="BX2" s="508"/>
      <c r="BY2" s="508"/>
      <c r="BZ2" s="508"/>
      <c r="CA2" s="508"/>
      <c r="CB2" s="508"/>
      <c r="CC2" s="508"/>
      <c r="CD2" s="508"/>
      <c r="CE2" s="508"/>
      <c r="CF2" s="508"/>
      <c r="CG2" s="508"/>
      <c r="CH2" s="508"/>
      <c r="CI2" s="508"/>
      <c r="CJ2" s="508"/>
      <c r="CK2" s="508"/>
      <c r="CL2" s="508"/>
      <c r="CM2" s="508"/>
      <c r="CN2" s="508"/>
      <c r="CO2" s="261"/>
      <c r="CP2" s="261"/>
    </row>
    <row r="3" spans="1:97" s="60" customFormat="1" ht="30" customHeight="1" x14ac:dyDescent="0.2">
      <c r="A3" s="509" t="s">
        <v>949</v>
      </c>
      <c r="B3" s="510"/>
      <c r="C3" s="510"/>
      <c r="D3" s="510"/>
      <c r="E3" s="510"/>
      <c r="F3" s="510"/>
      <c r="G3" s="510"/>
      <c r="H3" s="510"/>
      <c r="I3" s="510"/>
      <c r="J3" s="510"/>
      <c r="K3" s="510"/>
      <c r="L3" s="510"/>
      <c r="M3" s="510"/>
      <c r="N3" s="510"/>
      <c r="O3" s="510"/>
      <c r="P3" s="510"/>
      <c r="Q3" s="510"/>
      <c r="R3" s="510"/>
      <c r="S3" s="510"/>
      <c r="T3" s="510"/>
      <c r="U3" s="510"/>
      <c r="V3" s="510"/>
      <c r="W3" s="510"/>
      <c r="X3" s="510"/>
      <c r="Y3" s="510"/>
      <c r="Z3" s="510"/>
      <c r="AA3" s="510"/>
      <c r="AB3" s="510"/>
      <c r="AC3" s="510"/>
      <c r="AD3" s="510"/>
      <c r="AE3" s="510"/>
      <c r="AF3" s="510"/>
      <c r="AG3" s="510"/>
      <c r="AH3" s="510"/>
      <c r="AI3" s="510"/>
      <c r="AJ3" s="510"/>
      <c r="AK3" s="510"/>
      <c r="AL3" s="510"/>
      <c r="AM3" s="510"/>
      <c r="AN3" s="510"/>
      <c r="AO3" s="510"/>
      <c r="AP3" s="510"/>
      <c r="AQ3" s="510"/>
      <c r="AR3" s="510"/>
      <c r="AS3" s="510"/>
      <c r="AT3" s="510"/>
      <c r="AU3" s="510"/>
      <c r="AV3" s="510"/>
      <c r="AW3" s="510"/>
      <c r="AX3" s="510"/>
      <c r="AY3" s="510"/>
      <c r="AZ3" s="510"/>
      <c r="BA3" s="510"/>
      <c r="BB3" s="510"/>
      <c r="BC3" s="510"/>
      <c r="BD3" s="510"/>
      <c r="BE3" s="510"/>
      <c r="BF3" s="510"/>
      <c r="BG3" s="510"/>
      <c r="BH3" s="510"/>
      <c r="BI3" s="510"/>
      <c r="BJ3" s="510"/>
      <c r="BK3" s="510"/>
      <c r="BL3" s="510"/>
      <c r="BM3" s="510"/>
      <c r="BN3" s="510"/>
      <c r="BO3" s="510"/>
      <c r="BP3" s="510"/>
      <c r="BQ3" s="510"/>
      <c r="BR3" s="510"/>
      <c r="BS3" s="510"/>
      <c r="BT3" s="510"/>
      <c r="BU3" s="510"/>
      <c r="BV3" s="510"/>
      <c r="BW3" s="510"/>
      <c r="BX3" s="510"/>
      <c r="BY3" s="510"/>
      <c r="BZ3" s="510"/>
      <c r="CA3" s="510"/>
      <c r="CB3" s="510"/>
      <c r="CC3" s="510"/>
      <c r="CD3" s="510"/>
      <c r="CE3" s="510"/>
      <c r="CF3" s="510"/>
      <c r="CG3" s="510"/>
      <c r="CH3" s="510"/>
      <c r="CI3" s="510"/>
      <c r="CJ3" s="510"/>
      <c r="CK3" s="510"/>
      <c r="CL3" s="510"/>
      <c r="CM3" s="510"/>
      <c r="CN3" s="511"/>
      <c r="CO3" s="198"/>
      <c r="CP3" s="198"/>
      <c r="CQ3" s="159"/>
      <c r="CR3" s="306"/>
    </row>
    <row r="4" spans="1:97" s="60" customFormat="1" ht="8.4" customHeight="1" x14ac:dyDescent="0.2">
      <c r="C4" s="59"/>
      <c r="D4" s="59"/>
      <c r="E4" s="258"/>
      <c r="F4" s="258"/>
      <c r="G4" s="61"/>
      <c r="H4" s="61"/>
      <c r="I4" s="59"/>
      <c r="J4" s="225"/>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c r="AM4" s="59"/>
      <c r="AN4" s="59"/>
      <c r="AO4" s="59"/>
      <c r="AP4" s="59"/>
      <c r="AQ4" s="59"/>
      <c r="AR4" s="59"/>
      <c r="BN4" s="31"/>
      <c r="BO4" s="31"/>
      <c r="BP4" s="31"/>
      <c r="BQ4" s="31"/>
      <c r="BR4" s="31"/>
      <c r="BS4" s="31"/>
      <c r="BT4" s="31"/>
      <c r="BU4" s="31"/>
      <c r="BV4" s="31"/>
      <c r="BW4" s="31"/>
      <c r="BX4" s="31"/>
      <c r="BY4" s="31"/>
      <c r="BZ4" s="31"/>
      <c r="CA4" s="31"/>
      <c r="CB4" s="31"/>
      <c r="CC4" s="31"/>
      <c r="CD4" s="31"/>
      <c r="CE4" s="31"/>
      <c r="CF4" s="31"/>
      <c r="CG4" s="31"/>
      <c r="CH4" s="31"/>
      <c r="CI4" s="31"/>
      <c r="CJ4" s="31"/>
      <c r="CK4" s="31"/>
      <c r="CL4" s="31"/>
      <c r="CO4" s="63"/>
      <c r="CP4" s="63"/>
      <c r="CQ4" s="512" t="s">
        <v>657</v>
      </c>
      <c r="CR4" s="513" t="s">
        <v>153</v>
      </c>
      <c r="CS4" s="472"/>
    </row>
    <row r="5" spans="1:97" s="60" customFormat="1" ht="8.4" customHeight="1" x14ac:dyDescent="0.2">
      <c r="C5" s="59"/>
      <c r="D5" s="59"/>
      <c r="E5" s="258"/>
      <c r="F5" s="258"/>
      <c r="G5" s="61"/>
      <c r="H5" s="61"/>
      <c r="I5" s="59"/>
      <c r="J5" s="225"/>
      <c r="K5" s="59"/>
      <c r="L5" s="59"/>
      <c r="M5" s="59"/>
      <c r="N5" s="59"/>
      <c r="O5" s="59"/>
      <c r="P5" s="59"/>
      <c r="Q5" s="59"/>
      <c r="R5" s="59"/>
      <c r="S5" s="59"/>
      <c r="T5" s="59"/>
      <c r="U5" s="59"/>
      <c r="V5" s="59"/>
      <c r="W5" s="59"/>
      <c r="X5" s="59"/>
      <c r="Y5" s="59"/>
      <c r="Z5" s="59"/>
      <c r="AA5" s="59"/>
      <c r="AB5" s="59"/>
      <c r="AC5" s="59"/>
      <c r="AD5" s="59"/>
      <c r="AE5" s="59"/>
      <c r="AF5" s="59"/>
      <c r="AG5" s="59"/>
      <c r="AH5" s="59"/>
      <c r="AI5" s="59"/>
      <c r="AJ5" s="59"/>
      <c r="AK5" s="59"/>
      <c r="AL5" s="59"/>
      <c r="AM5" s="59"/>
      <c r="AN5" s="59"/>
      <c r="AO5" s="59"/>
      <c r="AP5" s="59"/>
      <c r="AQ5" s="59"/>
      <c r="AR5" s="59"/>
      <c r="BN5" s="31"/>
      <c r="BO5" s="31"/>
      <c r="BP5" s="31"/>
      <c r="BQ5" s="31"/>
      <c r="BR5" s="31"/>
      <c r="BS5" s="31"/>
      <c r="BT5" s="31"/>
      <c r="BU5" s="31"/>
      <c r="BV5" s="31"/>
      <c r="BW5" s="31"/>
      <c r="BX5" s="31"/>
      <c r="BY5" s="31"/>
      <c r="BZ5" s="31"/>
      <c r="CA5" s="31"/>
      <c r="CB5" s="31"/>
      <c r="CC5" s="31"/>
      <c r="CD5" s="31"/>
      <c r="CE5" s="31"/>
      <c r="CF5" s="31"/>
      <c r="CG5" s="31"/>
      <c r="CH5" s="31"/>
      <c r="CI5" s="31"/>
      <c r="CJ5" s="31"/>
      <c r="CK5" s="31"/>
      <c r="CL5" s="31"/>
      <c r="CO5" s="63"/>
      <c r="CP5" s="63"/>
      <c r="CQ5" s="512"/>
      <c r="CR5" s="513"/>
      <c r="CS5" s="472"/>
    </row>
    <row r="6" spans="1:97" s="60" customFormat="1" ht="18" customHeight="1" x14ac:dyDescent="0.2">
      <c r="A6" s="59"/>
      <c r="B6" s="59"/>
      <c r="C6" s="59"/>
      <c r="D6" s="59"/>
      <c r="E6" s="258"/>
      <c r="F6" s="258"/>
      <c r="G6" s="61"/>
      <c r="H6" s="61"/>
      <c r="I6" s="59"/>
      <c r="J6" s="59"/>
      <c r="K6" s="59"/>
      <c r="L6" s="59"/>
      <c r="M6" s="59"/>
      <c r="N6" s="59"/>
      <c r="O6" s="59"/>
      <c r="P6" s="59"/>
      <c r="Q6" s="59"/>
      <c r="R6" s="59"/>
      <c r="S6" s="59"/>
      <c r="T6" s="59"/>
      <c r="U6" s="59"/>
      <c r="V6" s="59"/>
      <c r="W6" s="59"/>
      <c r="X6" s="59"/>
      <c r="Y6" s="59"/>
      <c r="Z6" s="59"/>
      <c r="AA6" s="59"/>
      <c r="AB6" s="59"/>
      <c r="AC6" s="59"/>
      <c r="AD6" s="59"/>
      <c r="AE6" s="59"/>
      <c r="AF6" s="59"/>
      <c r="AG6" s="59"/>
      <c r="AH6" s="59"/>
      <c r="AJ6" s="59"/>
      <c r="AK6" s="59"/>
      <c r="AL6" s="59"/>
      <c r="AM6" s="59"/>
      <c r="AN6" s="59"/>
      <c r="AO6" s="59"/>
      <c r="AP6" s="59"/>
      <c r="AQ6" s="59"/>
      <c r="AR6" s="59"/>
      <c r="BJ6" s="480" t="s">
        <v>139</v>
      </c>
      <c r="BK6" s="480"/>
      <c r="BL6" s="480"/>
      <c r="BM6" s="480"/>
      <c r="BN6" s="480"/>
      <c r="BO6" s="480"/>
      <c r="BP6" s="480"/>
      <c r="BQ6" s="480"/>
      <c r="BR6" s="480"/>
      <c r="BS6" s="480"/>
      <c r="BT6" s="485"/>
      <c r="BU6" s="485"/>
      <c r="BV6" s="485"/>
      <c r="BW6" s="485"/>
      <c r="BX6" s="485"/>
      <c r="BY6" s="480" t="s">
        <v>6</v>
      </c>
      <c r="BZ6" s="480"/>
      <c r="CA6" s="485"/>
      <c r="CB6" s="485"/>
      <c r="CC6" s="485"/>
      <c r="CD6" s="485"/>
      <c r="CE6" s="485"/>
      <c r="CF6" s="480" t="s">
        <v>5</v>
      </c>
      <c r="CG6" s="480"/>
      <c r="CH6" s="485"/>
      <c r="CI6" s="485"/>
      <c r="CJ6" s="485"/>
      <c r="CK6" s="485"/>
      <c r="CL6" s="485"/>
      <c r="CM6" s="480" t="s">
        <v>4</v>
      </c>
      <c r="CN6" s="480"/>
      <c r="CO6" s="251"/>
      <c r="CP6" s="251"/>
      <c r="CQ6" s="262">
        <v>1</v>
      </c>
      <c r="CR6" s="307"/>
      <c r="CS6" s="2"/>
    </row>
    <row r="7" spans="1:97" s="19" customFormat="1" ht="18" customHeight="1" x14ac:dyDescent="0.2">
      <c r="A7" s="498" t="s">
        <v>15</v>
      </c>
      <c r="B7" s="498"/>
      <c r="C7" s="498"/>
      <c r="D7" s="498"/>
      <c r="E7" s="498"/>
      <c r="F7" s="498"/>
      <c r="G7" s="498"/>
      <c r="H7" s="498"/>
      <c r="I7" s="498"/>
      <c r="J7" s="498"/>
      <c r="K7" s="498"/>
      <c r="L7" s="498"/>
      <c r="M7" s="498"/>
      <c r="N7" s="498"/>
      <c r="O7" s="498"/>
      <c r="P7" s="498"/>
      <c r="Q7" s="498"/>
      <c r="R7" s="498"/>
      <c r="S7" s="498"/>
      <c r="T7" s="498"/>
      <c r="U7" s="498"/>
      <c r="V7" s="498"/>
      <c r="W7" s="498"/>
      <c r="X7" s="498"/>
      <c r="Y7" s="498"/>
      <c r="Z7" s="498"/>
      <c r="AA7" s="498"/>
      <c r="AB7" s="311"/>
      <c r="AC7" s="311"/>
      <c r="AD7" s="311"/>
      <c r="AE7" s="311"/>
      <c r="AF7" s="311"/>
      <c r="AG7" s="311"/>
      <c r="AH7" s="311"/>
      <c r="AJ7" s="311"/>
      <c r="AK7" s="311"/>
      <c r="AL7" s="311"/>
      <c r="AM7" s="311"/>
      <c r="AN7" s="311"/>
      <c r="AO7" s="311"/>
      <c r="AP7" s="311"/>
      <c r="AQ7" s="311"/>
      <c r="AR7" s="311"/>
      <c r="BJ7" s="312"/>
      <c r="BK7" s="481" t="str">
        <f>IF(OR(BT6="",CA6=""),"",IF(DATE(BT6,CA6,CH6)&lt;=EOMONTH(DATE(BT6,CA6,1), 0),"","日付をご確認ください↑"))</f>
        <v/>
      </c>
      <c r="BL7" s="481"/>
      <c r="BM7" s="481"/>
      <c r="BN7" s="481"/>
      <c r="BO7" s="481"/>
      <c r="BP7" s="481"/>
      <c r="BQ7" s="481"/>
      <c r="BR7" s="481"/>
      <c r="BS7" s="481"/>
      <c r="BT7" s="481"/>
      <c r="BU7" s="481"/>
      <c r="BV7" s="481"/>
      <c r="BW7" s="481"/>
      <c r="BX7" s="481"/>
      <c r="BY7" s="481"/>
      <c r="BZ7" s="481"/>
      <c r="CA7" s="481"/>
      <c r="CB7" s="481"/>
      <c r="CC7" s="481"/>
      <c r="CD7" s="481"/>
      <c r="CE7" s="481"/>
      <c r="CF7" s="481"/>
      <c r="CG7" s="481"/>
      <c r="CH7" s="481"/>
      <c r="CI7" s="481"/>
      <c r="CJ7" s="481"/>
      <c r="CK7" s="313"/>
      <c r="CL7" s="313"/>
      <c r="CM7" s="312"/>
      <c r="CN7" s="312"/>
      <c r="CO7" s="96"/>
      <c r="CP7" s="96"/>
      <c r="CQ7" s="314"/>
      <c r="CR7" s="315"/>
    </row>
    <row r="8" spans="1:97" s="19" customFormat="1" ht="18" customHeight="1" x14ac:dyDescent="0.2">
      <c r="A8" s="311"/>
      <c r="B8" s="311"/>
      <c r="C8" s="311"/>
      <c r="D8" s="316"/>
      <c r="E8" s="316"/>
      <c r="F8" s="316"/>
      <c r="G8" s="316"/>
      <c r="H8" s="316"/>
      <c r="I8" s="316"/>
      <c r="J8" s="316"/>
      <c r="K8" s="311"/>
      <c r="L8" s="311"/>
      <c r="M8" s="311"/>
      <c r="N8" s="311"/>
      <c r="O8" s="482" t="s">
        <v>145</v>
      </c>
      <c r="P8" s="482"/>
      <c r="Q8" s="482"/>
      <c r="R8" s="482"/>
      <c r="S8" s="482"/>
      <c r="T8" s="482"/>
      <c r="U8" s="482"/>
      <c r="V8" s="482"/>
      <c r="W8" s="482"/>
      <c r="X8" s="482"/>
      <c r="Y8" s="482"/>
      <c r="Z8" s="482"/>
      <c r="AA8" s="482"/>
      <c r="AB8" s="311"/>
      <c r="AC8" s="311"/>
      <c r="AD8" s="311"/>
      <c r="AE8" s="311"/>
      <c r="AF8" s="311"/>
      <c r="AG8" s="311"/>
      <c r="AH8" s="311"/>
      <c r="AJ8" s="311"/>
      <c r="AK8" s="311"/>
      <c r="AL8" s="311"/>
      <c r="AM8" s="311"/>
      <c r="AN8" s="311"/>
      <c r="AO8" s="311"/>
      <c r="AP8" s="311"/>
      <c r="AQ8" s="311"/>
      <c r="AR8" s="311"/>
      <c r="BJ8" s="312"/>
      <c r="BK8" s="312"/>
      <c r="BL8" s="312"/>
      <c r="BM8" s="312"/>
      <c r="BN8" s="312"/>
      <c r="BO8" s="312"/>
      <c r="BP8" s="312"/>
      <c r="BQ8" s="312"/>
      <c r="BR8" s="312"/>
      <c r="BS8" s="312"/>
      <c r="BT8" s="313"/>
      <c r="BU8" s="313"/>
      <c r="BV8" s="313"/>
      <c r="BW8" s="313"/>
      <c r="BX8" s="313"/>
      <c r="BY8" s="312"/>
      <c r="BZ8" s="312"/>
      <c r="CA8" s="313"/>
      <c r="CB8" s="313"/>
      <c r="CC8" s="313"/>
      <c r="CD8" s="313"/>
      <c r="CE8" s="313"/>
      <c r="CF8" s="312"/>
      <c r="CG8" s="312"/>
      <c r="CH8" s="313"/>
      <c r="CI8" s="313"/>
      <c r="CJ8" s="313"/>
      <c r="CK8" s="313"/>
      <c r="CL8" s="313"/>
      <c r="CM8" s="312"/>
      <c r="CN8" s="312"/>
      <c r="CO8" s="96"/>
      <c r="CP8" s="96"/>
      <c r="CQ8" s="314"/>
      <c r="CR8" s="315"/>
    </row>
    <row r="9" spans="1:97" s="19" customFormat="1" ht="18" customHeight="1" x14ac:dyDescent="0.2">
      <c r="A9" s="311"/>
      <c r="B9" s="311"/>
      <c r="C9" s="311"/>
      <c r="D9" s="311"/>
      <c r="E9" s="312"/>
      <c r="F9" s="312"/>
      <c r="G9" s="317"/>
      <c r="H9" s="317"/>
      <c r="I9" s="311"/>
      <c r="J9" s="311"/>
      <c r="K9" s="311"/>
      <c r="L9" s="311"/>
      <c r="M9" s="311"/>
      <c r="N9" s="311"/>
      <c r="O9" s="311"/>
      <c r="P9" s="311"/>
      <c r="Q9" s="311"/>
      <c r="R9" s="311"/>
      <c r="S9" s="311"/>
      <c r="T9" s="311"/>
      <c r="U9" s="311"/>
      <c r="V9" s="311"/>
      <c r="W9" s="311"/>
      <c r="X9" s="311"/>
      <c r="Y9" s="311"/>
      <c r="Z9" s="311"/>
      <c r="AA9" s="311"/>
      <c r="AB9" s="311"/>
      <c r="AC9" s="311"/>
      <c r="AD9" s="311"/>
      <c r="AE9" s="311"/>
      <c r="AF9" s="311"/>
      <c r="AG9" s="311"/>
      <c r="AH9" s="311"/>
      <c r="AJ9" s="311"/>
      <c r="AK9" s="311"/>
      <c r="AL9" s="311"/>
      <c r="AM9" s="311"/>
      <c r="AN9" s="311"/>
      <c r="AO9" s="311"/>
      <c r="AP9" s="311"/>
      <c r="AQ9" s="311"/>
      <c r="AR9" s="311"/>
      <c r="BJ9" s="312"/>
      <c r="BK9" s="312"/>
      <c r="BL9" s="312"/>
      <c r="BM9" s="312"/>
      <c r="BN9" s="312"/>
      <c r="BO9" s="312"/>
      <c r="BP9" s="312"/>
      <c r="BQ9" s="312"/>
      <c r="BR9" s="312"/>
      <c r="BS9" s="312"/>
      <c r="BT9" s="313"/>
      <c r="BU9" s="313"/>
      <c r="BV9" s="313"/>
      <c r="BW9" s="313"/>
      <c r="BX9" s="313"/>
      <c r="BY9" s="312"/>
      <c r="BZ9" s="312"/>
      <c r="CA9" s="313"/>
      <c r="CB9" s="313"/>
      <c r="CC9" s="313"/>
      <c r="CD9" s="313"/>
      <c r="CE9" s="313"/>
      <c r="CF9" s="312"/>
      <c r="CG9" s="312"/>
      <c r="CH9" s="313"/>
      <c r="CI9" s="313"/>
      <c r="CJ9" s="313"/>
      <c r="CK9" s="313"/>
      <c r="CL9" s="313"/>
      <c r="CM9" s="312"/>
      <c r="CN9" s="312"/>
      <c r="CO9" s="96"/>
      <c r="CP9" s="96"/>
      <c r="CQ9" s="314"/>
      <c r="CR9" s="315"/>
    </row>
    <row r="10" spans="1:97" s="19" customFormat="1" ht="18" customHeight="1" x14ac:dyDescent="0.2">
      <c r="A10" s="483" t="s">
        <v>1223</v>
      </c>
      <c r="B10" s="483"/>
      <c r="C10" s="483"/>
      <c r="D10" s="483"/>
      <c r="E10" s="483"/>
      <c r="F10" s="483"/>
      <c r="G10" s="483"/>
      <c r="H10" s="483"/>
      <c r="I10" s="483"/>
      <c r="J10" s="483"/>
      <c r="K10" s="483"/>
      <c r="L10" s="483"/>
      <c r="M10" s="483"/>
      <c r="N10" s="483"/>
      <c r="O10" s="483"/>
      <c r="P10" s="483"/>
      <c r="Q10" s="483"/>
      <c r="R10" s="483"/>
      <c r="S10" s="483"/>
      <c r="T10" s="483"/>
      <c r="U10" s="483"/>
      <c r="V10" s="483"/>
      <c r="W10" s="483"/>
      <c r="X10" s="483"/>
      <c r="Y10" s="483"/>
      <c r="Z10" s="483"/>
      <c r="AA10" s="483"/>
      <c r="AB10" s="483"/>
      <c r="AC10" s="483"/>
      <c r="AD10" s="483"/>
      <c r="AE10" s="483"/>
      <c r="AF10" s="483"/>
      <c r="AG10" s="483"/>
      <c r="AH10" s="483"/>
      <c r="AI10" s="483"/>
      <c r="AJ10" s="483"/>
      <c r="AK10" s="483"/>
      <c r="AL10" s="483"/>
      <c r="AM10" s="483"/>
      <c r="AN10" s="483"/>
      <c r="AO10" s="483"/>
      <c r="AP10" s="483"/>
      <c r="AQ10" s="483"/>
      <c r="AR10" s="483"/>
      <c r="AS10" s="483"/>
      <c r="AT10" s="483"/>
      <c r="AU10" s="483"/>
      <c r="AV10" s="483"/>
      <c r="AW10" s="483"/>
      <c r="AX10" s="483"/>
      <c r="AY10" s="483"/>
      <c r="AZ10" s="483"/>
      <c r="BA10" s="483"/>
      <c r="BB10" s="483"/>
      <c r="BC10" s="483"/>
      <c r="BD10" s="483"/>
      <c r="BE10" s="483"/>
      <c r="BF10" s="483"/>
      <c r="BG10" s="483"/>
      <c r="BH10" s="483"/>
      <c r="BI10" s="483"/>
      <c r="BJ10" s="483"/>
      <c r="BK10" s="483"/>
      <c r="BL10" s="483"/>
      <c r="BM10" s="483"/>
      <c r="BN10" s="483"/>
      <c r="BO10" s="483"/>
      <c r="BP10" s="483"/>
      <c r="BQ10" s="483"/>
      <c r="BR10" s="483"/>
      <c r="BS10" s="483"/>
      <c r="BT10" s="483"/>
      <c r="BU10" s="483"/>
      <c r="BV10" s="483"/>
      <c r="BW10" s="483"/>
      <c r="BX10" s="483"/>
      <c r="BY10" s="483"/>
      <c r="BZ10" s="483"/>
      <c r="CA10" s="483"/>
      <c r="CB10" s="483"/>
      <c r="CC10" s="483"/>
      <c r="CD10" s="483"/>
      <c r="CE10" s="483"/>
      <c r="CF10" s="483"/>
      <c r="CG10" s="483"/>
      <c r="CH10" s="483"/>
      <c r="CI10" s="483"/>
      <c r="CJ10" s="483"/>
      <c r="CK10" s="483"/>
      <c r="CL10" s="483"/>
      <c r="CM10" s="483"/>
      <c r="CN10" s="483"/>
      <c r="CO10" s="318"/>
      <c r="CP10" s="318"/>
      <c r="CQ10" s="314"/>
      <c r="CR10" s="315"/>
    </row>
    <row r="11" spans="1:97" s="19" customFormat="1" ht="18" customHeight="1" x14ac:dyDescent="0.2">
      <c r="A11" s="483"/>
      <c r="B11" s="483"/>
      <c r="C11" s="483"/>
      <c r="D11" s="483"/>
      <c r="E11" s="483"/>
      <c r="F11" s="483"/>
      <c r="G11" s="483"/>
      <c r="H11" s="483"/>
      <c r="I11" s="483"/>
      <c r="J11" s="483"/>
      <c r="K11" s="483"/>
      <c r="L11" s="483"/>
      <c r="M11" s="483"/>
      <c r="N11" s="483"/>
      <c r="O11" s="483"/>
      <c r="P11" s="483"/>
      <c r="Q11" s="483"/>
      <c r="R11" s="483"/>
      <c r="S11" s="483"/>
      <c r="T11" s="483"/>
      <c r="U11" s="483"/>
      <c r="V11" s="483"/>
      <c r="W11" s="483"/>
      <c r="X11" s="483"/>
      <c r="Y11" s="483"/>
      <c r="Z11" s="483"/>
      <c r="AA11" s="483"/>
      <c r="AB11" s="483"/>
      <c r="AC11" s="483"/>
      <c r="AD11" s="483"/>
      <c r="AE11" s="483"/>
      <c r="AF11" s="483"/>
      <c r="AG11" s="483"/>
      <c r="AH11" s="483"/>
      <c r="AI11" s="483"/>
      <c r="AJ11" s="483"/>
      <c r="AK11" s="483"/>
      <c r="AL11" s="483"/>
      <c r="AM11" s="483"/>
      <c r="AN11" s="483"/>
      <c r="AO11" s="483"/>
      <c r="AP11" s="483"/>
      <c r="AQ11" s="483"/>
      <c r="AR11" s="483"/>
      <c r="AS11" s="483"/>
      <c r="AT11" s="483"/>
      <c r="AU11" s="483"/>
      <c r="AV11" s="483"/>
      <c r="AW11" s="483"/>
      <c r="AX11" s="483"/>
      <c r="AY11" s="483"/>
      <c r="AZ11" s="483"/>
      <c r="BA11" s="483"/>
      <c r="BB11" s="483"/>
      <c r="BC11" s="483"/>
      <c r="BD11" s="483"/>
      <c r="BE11" s="483"/>
      <c r="BF11" s="483"/>
      <c r="BG11" s="483"/>
      <c r="BH11" s="483"/>
      <c r="BI11" s="483"/>
      <c r="BJ11" s="483"/>
      <c r="BK11" s="483"/>
      <c r="BL11" s="483"/>
      <c r="BM11" s="483"/>
      <c r="BN11" s="483"/>
      <c r="BO11" s="483"/>
      <c r="BP11" s="483"/>
      <c r="BQ11" s="483"/>
      <c r="BR11" s="483"/>
      <c r="BS11" s="483"/>
      <c r="BT11" s="483"/>
      <c r="BU11" s="483"/>
      <c r="BV11" s="483"/>
      <c r="BW11" s="483"/>
      <c r="BX11" s="483"/>
      <c r="BY11" s="483"/>
      <c r="BZ11" s="483"/>
      <c r="CA11" s="483"/>
      <c r="CB11" s="483"/>
      <c r="CC11" s="483"/>
      <c r="CD11" s="483"/>
      <c r="CE11" s="483"/>
      <c r="CF11" s="483"/>
      <c r="CG11" s="483"/>
      <c r="CH11" s="483"/>
      <c r="CI11" s="483"/>
      <c r="CJ11" s="483"/>
      <c r="CK11" s="483"/>
      <c r="CL11" s="483"/>
      <c r="CM11" s="483"/>
      <c r="CN11" s="483"/>
      <c r="CO11" s="318"/>
      <c r="CP11" s="318"/>
      <c r="CQ11" s="314"/>
      <c r="CR11" s="315"/>
    </row>
    <row r="12" spans="1:97" s="19" customFormat="1" ht="18" customHeight="1" x14ac:dyDescent="0.2">
      <c r="A12" s="483"/>
      <c r="B12" s="483"/>
      <c r="C12" s="483"/>
      <c r="D12" s="483"/>
      <c r="E12" s="483"/>
      <c r="F12" s="483"/>
      <c r="G12" s="483"/>
      <c r="H12" s="483"/>
      <c r="I12" s="483"/>
      <c r="J12" s="483"/>
      <c r="K12" s="483"/>
      <c r="L12" s="483"/>
      <c r="M12" s="483"/>
      <c r="N12" s="483"/>
      <c r="O12" s="483"/>
      <c r="P12" s="483"/>
      <c r="Q12" s="483"/>
      <c r="R12" s="483"/>
      <c r="S12" s="483"/>
      <c r="T12" s="483"/>
      <c r="U12" s="483"/>
      <c r="V12" s="483"/>
      <c r="W12" s="483"/>
      <c r="X12" s="483"/>
      <c r="Y12" s="483"/>
      <c r="Z12" s="483"/>
      <c r="AA12" s="483"/>
      <c r="AB12" s="483"/>
      <c r="AC12" s="483"/>
      <c r="AD12" s="483"/>
      <c r="AE12" s="483"/>
      <c r="AF12" s="483"/>
      <c r="AG12" s="483"/>
      <c r="AH12" s="483"/>
      <c r="AI12" s="483"/>
      <c r="AJ12" s="483"/>
      <c r="AK12" s="483"/>
      <c r="AL12" s="483"/>
      <c r="AM12" s="483"/>
      <c r="AN12" s="483"/>
      <c r="AO12" s="483"/>
      <c r="AP12" s="483"/>
      <c r="AQ12" s="483"/>
      <c r="AR12" s="483"/>
      <c r="AS12" s="483"/>
      <c r="AT12" s="483"/>
      <c r="AU12" s="483"/>
      <c r="AV12" s="483"/>
      <c r="AW12" s="483"/>
      <c r="AX12" s="483"/>
      <c r="AY12" s="483"/>
      <c r="AZ12" s="483"/>
      <c r="BA12" s="483"/>
      <c r="BB12" s="483"/>
      <c r="BC12" s="483"/>
      <c r="BD12" s="483"/>
      <c r="BE12" s="483"/>
      <c r="BF12" s="483"/>
      <c r="BG12" s="483"/>
      <c r="BH12" s="483"/>
      <c r="BI12" s="483"/>
      <c r="BJ12" s="483"/>
      <c r="BK12" s="483"/>
      <c r="BL12" s="483"/>
      <c r="BM12" s="483"/>
      <c r="BN12" s="483"/>
      <c r="BO12" s="483"/>
      <c r="BP12" s="483"/>
      <c r="BQ12" s="483"/>
      <c r="BR12" s="483"/>
      <c r="BS12" s="483"/>
      <c r="BT12" s="483"/>
      <c r="BU12" s="483"/>
      <c r="BV12" s="483"/>
      <c r="BW12" s="483"/>
      <c r="BX12" s="483"/>
      <c r="BY12" s="483"/>
      <c r="BZ12" s="483"/>
      <c r="CA12" s="483"/>
      <c r="CB12" s="483"/>
      <c r="CC12" s="483"/>
      <c r="CD12" s="483"/>
      <c r="CE12" s="483"/>
      <c r="CF12" s="483"/>
      <c r="CG12" s="483"/>
      <c r="CH12" s="483"/>
      <c r="CI12" s="483"/>
      <c r="CJ12" s="483"/>
      <c r="CK12" s="483"/>
      <c r="CL12" s="483"/>
      <c r="CM12" s="483"/>
      <c r="CN12" s="483"/>
      <c r="CO12" s="318"/>
      <c r="CP12" s="318"/>
      <c r="CQ12" s="314"/>
      <c r="CR12" s="315"/>
    </row>
    <row r="13" spans="1:97" s="19" customFormat="1" ht="18" customHeight="1" x14ac:dyDescent="0.2">
      <c r="A13" s="319"/>
      <c r="B13" s="319"/>
      <c r="C13" s="319"/>
      <c r="D13" s="319"/>
      <c r="E13" s="319"/>
      <c r="F13" s="319"/>
      <c r="G13" s="319"/>
      <c r="H13" s="319"/>
      <c r="I13" s="319"/>
      <c r="J13" s="319"/>
      <c r="K13" s="319"/>
      <c r="L13" s="319"/>
      <c r="M13" s="319"/>
      <c r="N13" s="319"/>
      <c r="O13" s="319"/>
      <c r="P13" s="319"/>
      <c r="Q13" s="319"/>
      <c r="R13" s="319"/>
      <c r="S13" s="319"/>
      <c r="T13" s="319"/>
      <c r="U13" s="319"/>
      <c r="V13" s="319"/>
      <c r="W13" s="319"/>
      <c r="X13" s="319"/>
      <c r="Y13" s="319"/>
      <c r="Z13" s="319"/>
      <c r="AA13" s="319"/>
      <c r="AB13" s="319"/>
      <c r="AC13" s="319"/>
      <c r="AD13" s="319"/>
      <c r="AE13" s="319"/>
      <c r="AF13" s="319"/>
      <c r="AG13" s="319"/>
      <c r="AH13" s="319"/>
      <c r="AI13" s="319"/>
      <c r="AJ13" s="319"/>
      <c r="AK13" s="319"/>
      <c r="AL13" s="319"/>
      <c r="AM13" s="319"/>
      <c r="AN13" s="319"/>
      <c r="AO13" s="319"/>
      <c r="AP13" s="319"/>
      <c r="AQ13" s="319"/>
      <c r="AR13" s="319"/>
      <c r="AS13" s="319"/>
      <c r="AT13" s="319"/>
      <c r="AU13" s="319"/>
      <c r="AV13" s="319"/>
      <c r="AW13" s="319"/>
      <c r="AX13" s="319"/>
      <c r="AY13" s="319"/>
      <c r="AZ13" s="319"/>
      <c r="BA13" s="319"/>
      <c r="BB13" s="319"/>
      <c r="BC13" s="319"/>
      <c r="BD13" s="319"/>
      <c r="BE13" s="319"/>
      <c r="BF13" s="319"/>
      <c r="BG13" s="319"/>
      <c r="BH13" s="319"/>
      <c r="BI13" s="319"/>
      <c r="BJ13" s="319"/>
      <c r="BK13" s="319"/>
      <c r="BL13" s="319"/>
      <c r="BM13" s="319"/>
      <c r="BN13" s="319"/>
      <c r="BO13" s="319"/>
      <c r="BP13" s="319"/>
      <c r="BQ13" s="319"/>
      <c r="BR13" s="319"/>
      <c r="BS13" s="319"/>
      <c r="BT13" s="319"/>
      <c r="BU13" s="319"/>
      <c r="BV13" s="319"/>
      <c r="BW13" s="319"/>
      <c r="BX13" s="319"/>
      <c r="BY13" s="319"/>
      <c r="BZ13" s="319"/>
      <c r="CA13" s="319"/>
      <c r="CB13" s="319"/>
      <c r="CC13" s="319"/>
      <c r="CD13" s="319"/>
      <c r="CE13" s="319"/>
      <c r="CF13" s="319"/>
      <c r="CG13" s="319"/>
      <c r="CH13" s="319"/>
      <c r="CI13" s="319"/>
      <c r="CJ13" s="319"/>
      <c r="CK13" s="319"/>
      <c r="CL13" s="319"/>
      <c r="CM13" s="319"/>
      <c r="CN13" s="319"/>
      <c r="CO13" s="318"/>
      <c r="CP13" s="318"/>
      <c r="CQ13" s="314"/>
      <c r="CR13" s="315"/>
    </row>
    <row r="14" spans="1:97" s="19" customFormat="1" ht="18" customHeight="1" x14ac:dyDescent="0.2">
      <c r="A14" s="484" t="s">
        <v>146</v>
      </c>
      <c r="B14" s="484"/>
      <c r="C14" s="484"/>
      <c r="D14" s="484"/>
      <c r="E14" s="484"/>
      <c r="F14" s="484"/>
      <c r="G14" s="484"/>
      <c r="H14" s="484"/>
      <c r="I14" s="484"/>
      <c r="J14" s="484"/>
      <c r="K14" s="484"/>
      <c r="L14" s="484"/>
      <c r="M14" s="484"/>
      <c r="N14" s="484"/>
      <c r="O14" s="484"/>
      <c r="P14" s="484"/>
      <c r="Q14" s="484"/>
      <c r="R14" s="484"/>
      <c r="S14" s="484"/>
      <c r="T14" s="484"/>
      <c r="U14" s="484"/>
      <c r="V14" s="484"/>
      <c r="W14" s="484"/>
      <c r="X14" s="484"/>
      <c r="Y14" s="484"/>
      <c r="Z14" s="484"/>
      <c r="AA14" s="484"/>
      <c r="AB14" s="484"/>
      <c r="AC14" s="484"/>
      <c r="AD14" s="484"/>
      <c r="AE14" s="484"/>
      <c r="AF14" s="484"/>
      <c r="AG14" s="484"/>
      <c r="AH14" s="484"/>
      <c r="AI14" s="484"/>
      <c r="AJ14" s="484"/>
      <c r="AK14" s="484"/>
      <c r="AL14" s="484"/>
      <c r="AM14" s="484"/>
      <c r="AN14" s="484"/>
      <c r="AO14" s="484"/>
      <c r="AP14" s="484"/>
      <c r="AQ14" s="484"/>
      <c r="AR14" s="484"/>
      <c r="AS14" s="484"/>
      <c r="AT14" s="484"/>
      <c r="AU14" s="484"/>
      <c r="AV14" s="484"/>
      <c r="AW14" s="484"/>
      <c r="AX14" s="484"/>
      <c r="AY14" s="484"/>
      <c r="AZ14" s="484"/>
      <c r="BA14" s="484"/>
      <c r="BB14" s="484"/>
      <c r="BC14" s="484"/>
      <c r="BD14" s="484"/>
      <c r="BE14" s="484"/>
      <c r="BF14" s="484"/>
      <c r="BG14" s="484"/>
      <c r="BH14" s="484"/>
      <c r="BI14" s="484"/>
      <c r="BJ14" s="484"/>
      <c r="BK14" s="484"/>
      <c r="BL14" s="484"/>
      <c r="BM14" s="484"/>
      <c r="BN14" s="484"/>
      <c r="BO14" s="484"/>
      <c r="BP14" s="484"/>
      <c r="BQ14" s="484"/>
      <c r="BR14" s="484"/>
      <c r="BS14" s="484"/>
      <c r="BT14" s="484"/>
      <c r="BU14" s="484"/>
      <c r="BV14" s="484"/>
      <c r="BW14" s="484"/>
      <c r="BX14" s="484"/>
      <c r="BY14" s="484"/>
      <c r="BZ14" s="484"/>
      <c r="CA14" s="484"/>
      <c r="CB14" s="484"/>
      <c r="CC14" s="484"/>
      <c r="CD14" s="484"/>
      <c r="CE14" s="484"/>
      <c r="CF14" s="484"/>
      <c r="CG14" s="484"/>
      <c r="CH14" s="484"/>
      <c r="CI14" s="484"/>
      <c r="CJ14" s="484"/>
      <c r="CK14" s="484"/>
      <c r="CL14" s="484"/>
      <c r="CM14" s="484"/>
      <c r="CN14" s="484"/>
      <c r="CO14" s="320"/>
      <c r="CP14" s="320"/>
      <c r="CQ14" s="314"/>
      <c r="CR14" s="315"/>
    </row>
    <row r="15" spans="1:97" s="60" customFormat="1" ht="18" customHeight="1" x14ac:dyDescent="0.2">
      <c r="A15" s="304"/>
      <c r="B15" s="304"/>
      <c r="C15" s="304"/>
      <c r="D15" s="304"/>
      <c r="E15" s="304"/>
      <c r="F15" s="304"/>
      <c r="G15" s="304"/>
      <c r="H15" s="304"/>
      <c r="I15" s="304"/>
      <c r="J15" s="304"/>
      <c r="K15" s="304"/>
      <c r="L15" s="304"/>
      <c r="M15" s="304"/>
      <c r="N15" s="304"/>
      <c r="O15" s="304"/>
      <c r="P15" s="304"/>
      <c r="Q15" s="304"/>
      <c r="R15" s="304"/>
      <c r="S15" s="304"/>
      <c r="T15" s="304"/>
      <c r="U15" s="304"/>
      <c r="V15" s="304"/>
      <c r="W15" s="304"/>
      <c r="X15" s="304"/>
      <c r="Y15" s="304"/>
      <c r="Z15" s="304"/>
      <c r="AA15" s="304"/>
      <c r="AB15" s="304"/>
      <c r="AC15" s="304"/>
      <c r="AD15" s="304"/>
      <c r="AE15" s="304"/>
      <c r="AF15" s="304"/>
      <c r="AG15" s="304"/>
      <c r="AH15" s="304"/>
      <c r="AI15" s="304"/>
      <c r="AJ15" s="304"/>
      <c r="AK15" s="304"/>
      <c r="AL15" s="304"/>
      <c r="AM15" s="304"/>
      <c r="AN15" s="304"/>
      <c r="AO15" s="304"/>
      <c r="AP15" s="304"/>
      <c r="AQ15" s="304"/>
      <c r="AR15" s="304"/>
      <c r="AS15" s="304"/>
      <c r="AT15" s="304"/>
      <c r="AU15" s="304"/>
      <c r="AV15" s="304"/>
      <c r="AW15" s="304"/>
      <c r="AX15" s="304"/>
      <c r="AY15" s="304"/>
      <c r="AZ15" s="304"/>
      <c r="BA15" s="304"/>
      <c r="BB15" s="304"/>
      <c r="BC15" s="304"/>
      <c r="BD15" s="304"/>
      <c r="BE15" s="304"/>
      <c r="BF15" s="304"/>
      <c r="BG15" s="304"/>
      <c r="BH15" s="304"/>
      <c r="BI15" s="304"/>
      <c r="BJ15" s="304"/>
      <c r="BK15" s="304"/>
      <c r="BL15" s="304"/>
      <c r="BM15" s="304"/>
      <c r="BN15" s="304"/>
      <c r="BO15" s="304"/>
      <c r="BP15" s="304"/>
      <c r="BQ15" s="304"/>
      <c r="BR15" s="304"/>
      <c r="BS15" s="304"/>
      <c r="BT15" s="304"/>
      <c r="BU15" s="304"/>
      <c r="BV15" s="304"/>
      <c r="BW15" s="304"/>
      <c r="BX15" s="304"/>
      <c r="BY15" s="304"/>
      <c r="BZ15" s="304"/>
      <c r="CA15" s="304"/>
      <c r="CB15" s="304"/>
      <c r="CC15" s="304"/>
      <c r="CD15" s="304"/>
      <c r="CE15" s="304"/>
      <c r="CF15" s="304"/>
      <c r="CG15" s="304"/>
      <c r="CH15" s="304"/>
      <c r="CI15" s="304"/>
      <c r="CJ15" s="304"/>
      <c r="CK15" s="304"/>
      <c r="CL15" s="304"/>
      <c r="CM15" s="304"/>
      <c r="CN15" s="304"/>
      <c r="CO15" s="228"/>
      <c r="CP15" s="228"/>
      <c r="CQ15" s="159"/>
      <c r="CR15" s="321"/>
    </row>
    <row r="16" spans="1:97" s="60" customFormat="1" ht="18" customHeight="1" x14ac:dyDescent="0.2">
      <c r="A16" s="226"/>
      <c r="B16" s="226"/>
      <c r="C16" s="226"/>
      <c r="D16" s="226"/>
      <c r="E16" s="226"/>
      <c r="F16" s="226"/>
      <c r="G16" s="226"/>
      <c r="H16" s="226"/>
      <c r="I16" s="226"/>
      <c r="J16" s="226"/>
      <c r="K16" s="226"/>
      <c r="L16" s="226"/>
      <c r="M16" s="226"/>
      <c r="N16" s="226"/>
      <c r="O16" s="226"/>
      <c r="P16" s="226"/>
      <c r="Q16" s="226"/>
      <c r="R16" s="226"/>
      <c r="S16" s="226"/>
      <c r="T16" s="226"/>
      <c r="U16" s="226"/>
      <c r="V16" s="226"/>
      <c r="W16" s="226"/>
      <c r="X16" s="226"/>
      <c r="Y16" s="226"/>
      <c r="Z16" s="226"/>
      <c r="AA16" s="226"/>
      <c r="AB16" s="226"/>
      <c r="AC16" s="226"/>
      <c r="AD16" s="226"/>
      <c r="AE16" s="226"/>
      <c r="AF16" s="226"/>
      <c r="AG16" s="226"/>
      <c r="AH16" s="226"/>
      <c r="AI16" s="226"/>
      <c r="AJ16" s="226"/>
      <c r="AK16" s="226"/>
      <c r="AL16" s="226"/>
      <c r="AM16" s="226"/>
      <c r="AN16" s="226"/>
      <c r="AO16" s="226"/>
      <c r="AP16" s="226"/>
      <c r="AQ16" s="226"/>
      <c r="AR16" s="226"/>
      <c r="AS16" s="226"/>
      <c r="AT16" s="226"/>
      <c r="AU16" s="226"/>
      <c r="AV16" s="226"/>
      <c r="AW16" s="226"/>
      <c r="AX16" s="226"/>
      <c r="AY16" s="226"/>
      <c r="AZ16" s="226"/>
      <c r="BA16" s="226"/>
      <c r="BB16" s="226"/>
      <c r="BC16" s="226"/>
      <c r="BD16" s="226"/>
      <c r="BE16" s="226"/>
      <c r="BF16" s="226"/>
      <c r="BG16" s="226"/>
      <c r="BH16" s="226"/>
      <c r="BI16" s="226"/>
      <c r="BJ16" s="226"/>
      <c r="BK16" s="226"/>
      <c r="BL16" s="226"/>
      <c r="BM16" s="226"/>
      <c r="BN16" s="226"/>
      <c r="BO16" s="226"/>
      <c r="BP16" s="226"/>
      <c r="BQ16" s="226"/>
      <c r="BR16" s="226"/>
      <c r="BS16" s="226"/>
      <c r="BT16" s="226"/>
      <c r="BU16" s="226"/>
      <c r="BV16" s="226"/>
      <c r="BW16" s="226"/>
      <c r="BX16" s="226"/>
      <c r="BY16" s="226"/>
      <c r="BZ16" s="226"/>
      <c r="CA16" s="226"/>
      <c r="CB16" s="226"/>
      <c r="CC16" s="226"/>
      <c r="CD16" s="226"/>
      <c r="CE16" s="226"/>
      <c r="CF16" s="226"/>
      <c r="CG16" s="226"/>
      <c r="CH16" s="226"/>
      <c r="CI16" s="226"/>
      <c r="CJ16" s="226"/>
      <c r="CK16" s="226"/>
      <c r="CL16" s="226"/>
      <c r="CM16" s="226"/>
      <c r="CN16" s="226"/>
      <c r="CO16" s="227"/>
      <c r="CP16" s="227"/>
      <c r="CQ16" s="159"/>
      <c r="CR16" s="306"/>
    </row>
    <row r="17" spans="1:101" ht="16.5" customHeight="1" thickBot="1" x14ac:dyDescent="0.25">
      <c r="A17" s="370" t="s">
        <v>950</v>
      </c>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255"/>
      <c r="CP17" s="255"/>
      <c r="CQ17" s="160" t="s">
        <v>657</v>
      </c>
      <c r="CR17" s="308" t="s">
        <v>654</v>
      </c>
      <c r="CS17" s="26"/>
    </row>
    <row r="18" spans="1:101" ht="33.6" customHeight="1" thickBot="1" x14ac:dyDescent="0.25">
      <c r="A18" s="487" t="s">
        <v>990</v>
      </c>
      <c r="B18" s="488"/>
      <c r="C18" s="488"/>
      <c r="D18" s="488"/>
      <c r="E18" s="488"/>
      <c r="F18" s="488"/>
      <c r="G18" s="488"/>
      <c r="H18" s="488"/>
      <c r="I18" s="488"/>
      <c r="J18" s="488"/>
      <c r="K18" s="489"/>
      <c r="L18" s="490" t="s">
        <v>3</v>
      </c>
      <c r="M18" s="491"/>
      <c r="N18" s="491"/>
      <c r="O18" s="492" t="s">
        <v>991</v>
      </c>
      <c r="P18" s="492"/>
      <c r="Q18" s="492"/>
      <c r="R18" s="492"/>
      <c r="S18" s="492"/>
      <c r="T18" s="492"/>
      <c r="U18" s="492"/>
      <c r="V18" s="492"/>
      <c r="W18" s="493"/>
      <c r="X18" s="494" t="s">
        <v>3</v>
      </c>
      <c r="Y18" s="495"/>
      <c r="Z18" s="495"/>
      <c r="AA18" s="496" t="s">
        <v>992</v>
      </c>
      <c r="AB18" s="496"/>
      <c r="AC18" s="496"/>
      <c r="AD18" s="496"/>
      <c r="AE18" s="496"/>
      <c r="AF18" s="496"/>
      <c r="AG18" s="496"/>
      <c r="AH18" s="496"/>
      <c r="AI18" s="497"/>
      <c r="AJ18" s="275"/>
      <c r="AK18" s="276"/>
      <c r="AL18" s="276"/>
      <c r="AM18" s="276"/>
      <c r="AN18" s="276"/>
      <c r="AO18" s="276"/>
      <c r="AP18" s="276"/>
      <c r="AQ18" s="276"/>
      <c r="AR18" s="276"/>
      <c r="AS18" s="276"/>
      <c r="AT18" s="276"/>
      <c r="AU18" s="276"/>
      <c r="AV18" s="276"/>
      <c r="AW18" s="276"/>
      <c r="AX18" s="276"/>
      <c r="AY18" s="276"/>
      <c r="AZ18" s="276"/>
      <c r="BA18" s="276"/>
      <c r="BB18" s="276"/>
      <c r="BC18" s="276"/>
      <c r="BD18" s="276"/>
      <c r="BE18" s="276"/>
      <c r="BF18" s="277"/>
      <c r="BG18" s="277"/>
      <c r="BH18" s="277"/>
      <c r="BI18" s="277"/>
      <c r="BJ18" s="277"/>
      <c r="BK18" s="277"/>
      <c r="BL18" s="277"/>
      <c r="BM18" s="277"/>
      <c r="BN18" s="277"/>
      <c r="BO18" s="277"/>
      <c r="BP18" s="277"/>
      <c r="BQ18" s="277"/>
      <c r="BR18" s="277"/>
      <c r="BS18" s="277"/>
      <c r="BT18" s="277"/>
      <c r="BU18" s="277"/>
      <c r="BV18" s="277"/>
      <c r="BW18" s="277"/>
      <c r="BX18" s="277"/>
      <c r="BY18" s="277"/>
      <c r="BZ18" s="277"/>
      <c r="CA18" s="277"/>
      <c r="CB18" s="277"/>
      <c r="CC18" s="277"/>
      <c r="CD18" s="277"/>
      <c r="CE18" s="277"/>
      <c r="CF18" s="277"/>
      <c r="CG18" s="277"/>
      <c r="CH18" s="277"/>
      <c r="CI18" s="277"/>
      <c r="CJ18" s="277"/>
      <c r="CK18" s="277"/>
      <c r="CL18" s="277"/>
      <c r="CM18" s="277"/>
      <c r="CN18" s="277"/>
      <c r="CO18" s="255"/>
      <c r="CP18" s="255"/>
      <c r="CQ18" s="160">
        <v>2</v>
      </c>
      <c r="CR18" s="307"/>
      <c r="CS18" s="26"/>
    </row>
    <row r="19" spans="1:101" ht="38.4" customHeight="1" x14ac:dyDescent="0.2">
      <c r="A19" s="473" t="s">
        <v>1180</v>
      </c>
      <c r="B19" s="474"/>
      <c r="C19" s="474"/>
      <c r="D19" s="474"/>
      <c r="E19" s="474"/>
      <c r="F19" s="474"/>
      <c r="G19" s="474"/>
      <c r="H19" s="474"/>
      <c r="I19" s="474"/>
      <c r="J19" s="474"/>
      <c r="K19" s="475"/>
      <c r="L19" s="476"/>
      <c r="M19" s="477"/>
      <c r="N19" s="477"/>
      <c r="O19" s="477"/>
      <c r="P19" s="477"/>
      <c r="Q19" s="477"/>
      <c r="R19" s="477"/>
      <c r="S19" s="477"/>
      <c r="T19" s="477"/>
      <c r="U19" s="477"/>
      <c r="V19" s="477"/>
      <c r="W19" s="477"/>
      <c r="X19" s="477"/>
      <c r="Y19" s="477"/>
      <c r="Z19" s="477"/>
      <c r="AA19" s="477"/>
      <c r="AB19" s="477"/>
      <c r="AC19" s="477"/>
      <c r="AD19" s="477"/>
      <c r="AE19" s="477"/>
      <c r="AF19" s="477"/>
      <c r="AG19" s="477"/>
      <c r="AH19" s="477"/>
      <c r="AI19" s="477"/>
      <c r="AJ19" s="478"/>
      <c r="AK19" s="478"/>
      <c r="AL19" s="478"/>
      <c r="AM19" s="478"/>
      <c r="AN19" s="478"/>
      <c r="AO19" s="478"/>
      <c r="AP19" s="478"/>
      <c r="AQ19" s="478"/>
      <c r="AR19" s="478"/>
      <c r="AS19" s="478"/>
      <c r="AT19" s="478"/>
      <c r="AU19" s="478"/>
      <c r="AV19" s="478"/>
      <c r="AW19" s="478"/>
      <c r="AX19" s="478"/>
      <c r="AY19" s="478"/>
      <c r="AZ19" s="478"/>
      <c r="BA19" s="478"/>
      <c r="BB19" s="478"/>
      <c r="BC19" s="478"/>
      <c r="BD19" s="478"/>
      <c r="BE19" s="479"/>
      <c r="BF19" s="278"/>
      <c r="BG19" s="278"/>
      <c r="BH19" s="278"/>
      <c r="BI19" s="278"/>
      <c r="BJ19" s="278"/>
      <c r="BK19" s="278"/>
      <c r="BL19" s="278"/>
      <c r="BM19" s="278"/>
      <c r="BN19" s="278"/>
      <c r="BO19" s="278"/>
      <c r="BP19" s="278"/>
      <c r="BQ19" s="278"/>
      <c r="BR19" s="278"/>
      <c r="BS19" s="278"/>
      <c r="BT19" s="278"/>
      <c r="BU19" s="278"/>
      <c r="BV19" s="278"/>
      <c r="BW19" s="278"/>
      <c r="BX19" s="278"/>
      <c r="BY19" s="278"/>
      <c r="BZ19" s="278"/>
      <c r="CA19" s="278"/>
      <c r="CB19" s="278"/>
      <c r="CC19" s="278"/>
      <c r="CD19" s="278"/>
      <c r="CE19" s="278"/>
      <c r="CF19" s="278"/>
      <c r="CG19" s="278"/>
      <c r="CH19" s="278"/>
      <c r="CI19" s="278"/>
      <c r="CJ19" s="278"/>
      <c r="CK19" s="278"/>
      <c r="CL19" s="278"/>
      <c r="CM19" s="278"/>
      <c r="CN19" s="278"/>
      <c r="CO19" s="229"/>
      <c r="CP19" s="229"/>
      <c r="CQ19" s="160">
        <v>3</v>
      </c>
      <c r="CR19" s="309"/>
      <c r="CS19" s="230"/>
    </row>
    <row r="20" spans="1:101" ht="38.4" customHeight="1" x14ac:dyDescent="0.2">
      <c r="A20" s="473" t="s">
        <v>971</v>
      </c>
      <c r="B20" s="474"/>
      <c r="C20" s="474"/>
      <c r="D20" s="474"/>
      <c r="E20" s="474"/>
      <c r="F20" s="474"/>
      <c r="G20" s="474"/>
      <c r="H20" s="474"/>
      <c r="I20" s="474"/>
      <c r="J20" s="474"/>
      <c r="K20" s="475"/>
      <c r="L20" s="476"/>
      <c r="M20" s="477"/>
      <c r="N20" s="477"/>
      <c r="O20" s="477"/>
      <c r="P20" s="477"/>
      <c r="Q20" s="477"/>
      <c r="R20" s="477"/>
      <c r="S20" s="477"/>
      <c r="T20" s="477"/>
      <c r="U20" s="477"/>
      <c r="V20" s="477"/>
      <c r="W20" s="477"/>
      <c r="X20" s="477"/>
      <c r="Y20" s="477"/>
      <c r="Z20" s="477"/>
      <c r="AA20" s="477"/>
      <c r="AB20" s="477"/>
      <c r="AC20" s="477"/>
      <c r="AD20" s="477"/>
      <c r="AE20" s="477"/>
      <c r="AF20" s="477"/>
      <c r="AG20" s="477"/>
      <c r="AH20" s="477"/>
      <c r="AI20" s="477"/>
      <c r="AJ20" s="477"/>
      <c r="AK20" s="477"/>
      <c r="AL20" s="477"/>
      <c r="AM20" s="477"/>
      <c r="AN20" s="477"/>
      <c r="AO20" s="477"/>
      <c r="AP20" s="477"/>
      <c r="AQ20" s="477"/>
      <c r="AR20" s="477"/>
      <c r="AS20" s="477"/>
      <c r="AT20" s="477"/>
      <c r="AU20" s="477"/>
      <c r="AV20" s="477"/>
      <c r="AW20" s="477"/>
      <c r="AX20" s="477"/>
      <c r="AY20" s="477"/>
      <c r="AZ20" s="477"/>
      <c r="BA20" s="477"/>
      <c r="BB20" s="477"/>
      <c r="BC20" s="477"/>
      <c r="BD20" s="477"/>
      <c r="BE20" s="486"/>
      <c r="BF20" s="278"/>
      <c r="BG20" s="278"/>
      <c r="BH20" s="278"/>
      <c r="BI20" s="278"/>
      <c r="BJ20" s="278"/>
      <c r="BK20" s="278"/>
      <c r="BL20" s="278"/>
      <c r="BM20" s="278"/>
      <c r="BN20" s="278"/>
      <c r="BO20" s="278"/>
      <c r="BP20" s="278"/>
      <c r="BQ20" s="278"/>
      <c r="BR20" s="278"/>
      <c r="BS20" s="278"/>
      <c r="BT20" s="278"/>
      <c r="BU20" s="278"/>
      <c r="BV20" s="278"/>
      <c r="BW20" s="278"/>
      <c r="BX20" s="278"/>
      <c r="BY20" s="278"/>
      <c r="BZ20" s="278"/>
      <c r="CA20" s="278"/>
      <c r="CB20" s="278"/>
      <c r="CC20" s="278"/>
      <c r="CD20" s="278"/>
      <c r="CE20" s="278"/>
      <c r="CF20" s="278"/>
      <c r="CG20" s="278"/>
      <c r="CH20" s="278"/>
      <c r="CI20" s="278"/>
      <c r="CJ20" s="278"/>
      <c r="CK20" s="278"/>
      <c r="CL20" s="278"/>
      <c r="CM20" s="278"/>
      <c r="CN20" s="278"/>
      <c r="CO20" s="229"/>
      <c r="CP20" s="229"/>
      <c r="CQ20" s="160">
        <v>4</v>
      </c>
      <c r="CR20" s="309"/>
      <c r="CS20" s="230"/>
    </row>
    <row r="21" spans="1:101" ht="21" customHeight="1" x14ac:dyDescent="0.2">
      <c r="A21" s="514" t="s">
        <v>140</v>
      </c>
      <c r="B21" s="515"/>
      <c r="C21" s="515"/>
      <c r="D21" s="515"/>
      <c r="E21" s="515"/>
      <c r="F21" s="515"/>
      <c r="G21" s="515"/>
      <c r="H21" s="515"/>
      <c r="I21" s="515"/>
      <c r="J21" s="515"/>
      <c r="K21" s="515"/>
      <c r="L21" s="516"/>
      <c r="M21" s="517"/>
      <c r="N21" s="517"/>
      <c r="O21" s="517"/>
      <c r="P21" s="517"/>
      <c r="Q21" s="517"/>
      <c r="R21" s="517"/>
      <c r="S21" s="517"/>
      <c r="T21" s="517"/>
      <c r="U21" s="517"/>
      <c r="V21" s="517"/>
      <c r="W21" s="517"/>
      <c r="X21" s="517"/>
      <c r="Y21" s="517"/>
      <c r="Z21" s="517"/>
      <c r="AA21" s="517"/>
      <c r="AB21" s="517"/>
      <c r="AC21" s="517"/>
      <c r="AD21" s="517"/>
      <c r="AE21" s="517"/>
      <c r="AF21" s="517"/>
      <c r="AG21" s="518"/>
      <c r="AH21" s="519"/>
      <c r="AI21" s="520"/>
      <c r="AJ21" s="520"/>
      <c r="AK21" s="520"/>
      <c r="AL21" s="520"/>
      <c r="AM21" s="520"/>
      <c r="AN21" s="520"/>
      <c r="AO21" s="520"/>
      <c r="AP21" s="520"/>
      <c r="AQ21" s="520"/>
      <c r="AR21" s="520"/>
      <c r="AS21" s="520"/>
      <c r="AT21" s="520"/>
      <c r="AU21" s="520"/>
      <c r="AV21" s="520"/>
      <c r="AW21" s="520"/>
      <c r="AX21" s="520"/>
      <c r="AY21" s="520"/>
      <c r="AZ21" s="520"/>
      <c r="BA21" s="520"/>
      <c r="BB21" s="520"/>
      <c r="BC21" s="520"/>
      <c r="BD21" s="520"/>
      <c r="BE21" s="521"/>
      <c r="BF21" s="279"/>
      <c r="BG21" s="280"/>
      <c r="BH21" s="280"/>
      <c r="BI21" s="280"/>
      <c r="BJ21" s="280"/>
      <c r="BK21" s="280"/>
      <c r="BL21" s="280"/>
      <c r="BM21" s="280"/>
      <c r="BN21" s="280"/>
      <c r="BO21" s="280"/>
      <c r="BP21" s="280"/>
      <c r="BQ21" s="280"/>
      <c r="BR21" s="280"/>
      <c r="BS21" s="280"/>
      <c r="BT21" s="280"/>
      <c r="BU21" s="280"/>
      <c r="BV21" s="280"/>
      <c r="BW21" s="280"/>
      <c r="BX21" s="280"/>
      <c r="BY21" s="280"/>
      <c r="BZ21" s="280"/>
      <c r="CA21" s="280"/>
      <c r="CB21" s="280"/>
      <c r="CC21" s="280"/>
      <c r="CD21" s="280"/>
      <c r="CE21" s="280"/>
      <c r="CF21" s="280"/>
      <c r="CG21" s="280"/>
      <c r="CH21" s="280"/>
      <c r="CI21" s="280"/>
      <c r="CJ21" s="280"/>
      <c r="CK21" s="280"/>
      <c r="CL21" s="280"/>
      <c r="CM21" s="280"/>
      <c r="CN21" s="280"/>
      <c r="CO21" s="231"/>
      <c r="CP21" s="231"/>
      <c r="CQ21" s="160">
        <v>5</v>
      </c>
      <c r="CR21" s="307"/>
      <c r="CS21" s="2"/>
    </row>
    <row r="22" spans="1:101" s="60" customFormat="1" ht="44.4" customHeight="1" thickBot="1" x14ac:dyDescent="0.25">
      <c r="A22" s="522" t="s">
        <v>993</v>
      </c>
      <c r="B22" s="523"/>
      <c r="C22" s="523"/>
      <c r="D22" s="523"/>
      <c r="E22" s="523"/>
      <c r="F22" s="523"/>
      <c r="G22" s="523"/>
      <c r="H22" s="523"/>
      <c r="I22" s="523"/>
      <c r="J22" s="523"/>
      <c r="K22" s="523"/>
      <c r="L22" s="524"/>
      <c r="M22" s="525"/>
      <c r="N22" s="525"/>
      <c r="O22" s="525"/>
      <c r="P22" s="525"/>
      <c r="Q22" s="525"/>
      <c r="R22" s="525"/>
      <c r="S22" s="525"/>
      <c r="T22" s="525"/>
      <c r="U22" s="525"/>
      <c r="V22" s="525"/>
      <c r="W22" s="525"/>
      <c r="X22" s="525"/>
      <c r="Y22" s="525"/>
      <c r="Z22" s="525"/>
      <c r="AA22" s="525"/>
      <c r="AB22" s="525"/>
      <c r="AC22" s="525"/>
      <c r="AD22" s="525"/>
      <c r="AE22" s="525"/>
      <c r="AF22" s="525"/>
      <c r="AG22" s="526"/>
      <c r="AH22" s="527"/>
      <c r="AI22" s="525"/>
      <c r="AJ22" s="525"/>
      <c r="AK22" s="525"/>
      <c r="AL22" s="525"/>
      <c r="AM22" s="525"/>
      <c r="AN22" s="525"/>
      <c r="AO22" s="525"/>
      <c r="AP22" s="525"/>
      <c r="AQ22" s="525"/>
      <c r="AR22" s="525"/>
      <c r="AS22" s="525"/>
      <c r="AT22" s="525"/>
      <c r="AU22" s="525"/>
      <c r="AV22" s="525"/>
      <c r="AW22" s="525"/>
      <c r="AX22" s="525"/>
      <c r="AY22" s="525"/>
      <c r="AZ22" s="525"/>
      <c r="BA22" s="525"/>
      <c r="BB22" s="525"/>
      <c r="BC22" s="525"/>
      <c r="BD22" s="525"/>
      <c r="BE22" s="525"/>
      <c r="BF22" s="281"/>
      <c r="BG22" s="282"/>
      <c r="BH22" s="282"/>
      <c r="BI22" s="282"/>
      <c r="BJ22" s="282"/>
      <c r="BK22" s="282"/>
      <c r="BL22" s="282"/>
      <c r="BM22" s="282"/>
      <c r="BN22" s="282"/>
      <c r="BO22" s="282"/>
      <c r="BP22" s="282"/>
      <c r="BQ22" s="282"/>
      <c r="BR22" s="282"/>
      <c r="BS22" s="282"/>
      <c r="BT22" s="282"/>
      <c r="BU22" s="282"/>
      <c r="BV22" s="282"/>
      <c r="BW22" s="282"/>
      <c r="BX22" s="282"/>
      <c r="BY22" s="282"/>
      <c r="BZ22" s="282"/>
      <c r="CA22" s="282"/>
      <c r="CB22" s="282"/>
      <c r="CC22" s="282"/>
      <c r="CD22" s="282"/>
      <c r="CE22" s="282"/>
      <c r="CF22" s="282"/>
      <c r="CG22" s="282"/>
      <c r="CH22" s="282"/>
      <c r="CI22" s="282"/>
      <c r="CJ22" s="282"/>
      <c r="CK22" s="282"/>
      <c r="CL22" s="282"/>
      <c r="CM22" s="282"/>
      <c r="CN22" s="282"/>
      <c r="CO22" s="231"/>
      <c r="CP22" s="231"/>
      <c r="CQ22" s="160">
        <v>6</v>
      </c>
      <c r="CR22" s="307"/>
      <c r="CS22" s="2"/>
    </row>
    <row r="23" spans="1:101" ht="22.5" customHeight="1" x14ac:dyDescent="0.2">
      <c r="A23" s="528" t="s">
        <v>16</v>
      </c>
      <c r="B23" s="453"/>
      <c r="C23" s="453"/>
      <c r="D23" s="453"/>
      <c r="E23" s="453"/>
      <c r="F23" s="453"/>
      <c r="G23" s="453"/>
      <c r="H23" s="453"/>
      <c r="I23" s="453"/>
      <c r="J23" s="453"/>
      <c r="K23" s="454"/>
      <c r="L23" s="427" t="s">
        <v>17</v>
      </c>
      <c r="M23" s="428"/>
      <c r="N23" s="428"/>
      <c r="O23" s="463"/>
      <c r="P23" s="463"/>
      <c r="Q23" s="463"/>
      <c r="R23" s="463"/>
      <c r="S23" s="464" t="s">
        <v>154</v>
      </c>
      <c r="T23" s="464"/>
      <c r="U23" s="463"/>
      <c r="V23" s="463"/>
      <c r="W23" s="463"/>
      <c r="X23" s="463"/>
      <c r="Y23" s="463"/>
      <c r="Z23" s="463"/>
      <c r="AA23" s="283"/>
      <c r="AB23" s="284"/>
      <c r="AC23" s="284"/>
      <c r="AD23" s="284"/>
      <c r="AE23" s="284"/>
      <c r="AF23" s="284"/>
      <c r="AG23" s="284"/>
      <c r="AH23" s="284"/>
      <c r="AI23" s="284"/>
      <c r="AJ23" s="284"/>
      <c r="AK23" s="284"/>
      <c r="AL23" s="278"/>
      <c r="AM23" s="278"/>
      <c r="AN23" s="278"/>
      <c r="AO23" s="278"/>
      <c r="AP23" s="278"/>
      <c r="AQ23" s="278"/>
      <c r="AR23" s="278"/>
      <c r="AS23" s="278"/>
      <c r="AT23" s="285"/>
      <c r="AU23" s="285"/>
      <c r="AV23" s="285"/>
      <c r="AW23" s="285"/>
      <c r="AX23" s="285"/>
      <c r="AY23" s="285"/>
      <c r="AZ23" s="285"/>
      <c r="BA23" s="285"/>
      <c r="BB23" s="285"/>
      <c r="BC23" s="285"/>
      <c r="BD23" s="285"/>
      <c r="BE23" s="285"/>
      <c r="BF23" s="285"/>
      <c r="BG23" s="285"/>
      <c r="BH23" s="285"/>
      <c r="BI23" s="285"/>
      <c r="BJ23" s="285"/>
      <c r="BK23" s="285"/>
      <c r="BL23" s="285"/>
      <c r="BM23" s="285"/>
      <c r="BN23" s="285"/>
      <c r="BO23" s="285"/>
      <c r="BP23" s="285"/>
      <c r="BQ23" s="285"/>
      <c r="BR23" s="285"/>
      <c r="BS23" s="285"/>
      <c r="BT23" s="285"/>
      <c r="BU23" s="285"/>
      <c r="BV23" s="285"/>
      <c r="BW23" s="285"/>
      <c r="BX23" s="285"/>
      <c r="BY23" s="285"/>
      <c r="BZ23" s="285"/>
      <c r="CA23" s="285"/>
      <c r="CB23" s="285"/>
      <c r="CC23" s="285"/>
      <c r="CD23" s="285"/>
      <c r="CE23" s="285"/>
      <c r="CF23" s="285"/>
      <c r="CG23" s="280"/>
      <c r="CH23" s="280"/>
      <c r="CI23" s="280"/>
      <c r="CJ23" s="280"/>
      <c r="CK23" s="280"/>
      <c r="CL23" s="280"/>
      <c r="CM23" s="280"/>
      <c r="CN23" s="286"/>
      <c r="CO23" s="143"/>
      <c r="CP23" s="143"/>
      <c r="CQ23" s="160">
        <v>7</v>
      </c>
      <c r="CR23" s="307"/>
      <c r="CS23" s="2"/>
    </row>
    <row r="24" spans="1:101" ht="39" customHeight="1" x14ac:dyDescent="0.2">
      <c r="A24" s="529"/>
      <c r="B24" s="456"/>
      <c r="C24" s="456"/>
      <c r="D24" s="456"/>
      <c r="E24" s="456"/>
      <c r="F24" s="456"/>
      <c r="G24" s="456"/>
      <c r="H24" s="456"/>
      <c r="I24" s="456"/>
      <c r="J24" s="456"/>
      <c r="K24" s="457"/>
      <c r="L24" s="465"/>
      <c r="M24" s="392"/>
      <c r="N24" s="392"/>
      <c r="O24" s="392"/>
      <c r="P24" s="392"/>
      <c r="Q24" s="392"/>
      <c r="R24" s="392"/>
      <c r="S24" s="392"/>
      <c r="T24" s="392"/>
      <c r="U24" s="392"/>
      <c r="V24" s="392"/>
      <c r="W24" s="392"/>
      <c r="X24" s="392"/>
      <c r="Y24" s="392"/>
      <c r="Z24" s="392"/>
      <c r="AA24" s="392"/>
      <c r="AB24" s="458"/>
      <c r="AC24" s="391"/>
      <c r="AD24" s="392"/>
      <c r="AE24" s="392"/>
      <c r="AF24" s="392"/>
      <c r="AG24" s="392"/>
      <c r="AH24" s="392"/>
      <c r="AI24" s="392"/>
      <c r="AJ24" s="392"/>
      <c r="AK24" s="392"/>
      <c r="AL24" s="392"/>
      <c r="AM24" s="392"/>
      <c r="AN24" s="392"/>
      <c r="AO24" s="392"/>
      <c r="AP24" s="392"/>
      <c r="AQ24" s="392"/>
      <c r="AR24" s="392"/>
      <c r="AS24" s="392"/>
      <c r="AT24" s="392"/>
      <c r="AU24" s="392"/>
      <c r="AV24" s="392"/>
      <c r="AW24" s="392"/>
      <c r="AX24" s="392"/>
      <c r="AY24" s="392"/>
      <c r="AZ24" s="392"/>
      <c r="BA24" s="392"/>
      <c r="BB24" s="392"/>
      <c r="BC24" s="392"/>
      <c r="BD24" s="458"/>
      <c r="BE24" s="391"/>
      <c r="BF24" s="392"/>
      <c r="BG24" s="392"/>
      <c r="BH24" s="392"/>
      <c r="BI24" s="392"/>
      <c r="BJ24" s="392"/>
      <c r="BK24" s="392"/>
      <c r="BL24" s="392"/>
      <c r="BM24" s="392"/>
      <c r="BN24" s="392"/>
      <c r="BO24" s="392"/>
      <c r="BP24" s="392"/>
      <c r="BQ24" s="392"/>
      <c r="BR24" s="392"/>
      <c r="BS24" s="392"/>
      <c r="BT24" s="392"/>
      <c r="BU24" s="392"/>
      <c r="BV24" s="392"/>
      <c r="BW24" s="392"/>
      <c r="BX24" s="392"/>
      <c r="BY24" s="392"/>
      <c r="BZ24" s="392"/>
      <c r="CA24" s="392"/>
      <c r="CB24" s="392"/>
      <c r="CC24" s="392"/>
      <c r="CD24" s="392"/>
      <c r="CE24" s="392"/>
      <c r="CF24" s="392"/>
      <c r="CG24" s="392"/>
      <c r="CH24" s="392"/>
      <c r="CI24" s="392"/>
      <c r="CJ24" s="392"/>
      <c r="CK24" s="392"/>
      <c r="CL24" s="392"/>
      <c r="CM24" s="392"/>
      <c r="CN24" s="393"/>
      <c r="CO24" s="257"/>
      <c r="CP24" s="257"/>
      <c r="CQ24" s="160">
        <v>8</v>
      </c>
      <c r="CR24" s="307"/>
      <c r="CS24" s="2"/>
    </row>
    <row r="25" spans="1:101" ht="39" customHeight="1" x14ac:dyDescent="0.2">
      <c r="A25" s="426" t="s">
        <v>143</v>
      </c>
      <c r="B25" s="402"/>
      <c r="C25" s="402"/>
      <c r="D25" s="402"/>
      <c r="E25" s="402"/>
      <c r="F25" s="402"/>
      <c r="G25" s="402"/>
      <c r="H25" s="402"/>
      <c r="I25" s="402"/>
      <c r="J25" s="402"/>
      <c r="K25" s="403"/>
      <c r="L25" s="530"/>
      <c r="M25" s="531"/>
      <c r="N25" s="531"/>
      <c r="O25" s="531"/>
      <c r="P25" s="531"/>
      <c r="Q25" s="531"/>
      <c r="R25" s="531"/>
      <c r="S25" s="531"/>
      <c r="T25" s="531"/>
      <c r="U25" s="531"/>
      <c r="V25" s="531"/>
      <c r="W25" s="531"/>
      <c r="X25" s="531"/>
      <c r="Y25" s="531"/>
      <c r="Z25" s="531"/>
      <c r="AA25" s="531"/>
      <c r="AB25" s="531"/>
      <c r="AC25" s="531"/>
      <c r="AD25" s="531"/>
      <c r="AE25" s="531"/>
      <c r="AF25" s="531"/>
      <c r="AG25" s="531"/>
      <c r="AH25" s="531"/>
      <c r="AI25" s="531"/>
      <c r="AJ25" s="531"/>
      <c r="AK25" s="531"/>
      <c r="AL25" s="531"/>
      <c r="AM25" s="531"/>
      <c r="AN25" s="531"/>
      <c r="AO25" s="531"/>
      <c r="AP25" s="531"/>
      <c r="AQ25" s="531"/>
      <c r="AR25" s="531"/>
      <c r="AS25" s="531"/>
      <c r="AT25" s="531"/>
      <c r="AU25" s="531"/>
      <c r="AV25" s="531"/>
      <c r="AW25" s="531"/>
      <c r="AX25" s="531"/>
      <c r="AY25" s="531"/>
      <c r="AZ25" s="531"/>
      <c r="BA25" s="531"/>
      <c r="BB25" s="531"/>
      <c r="BC25" s="531"/>
      <c r="BD25" s="531"/>
      <c r="BE25" s="531"/>
      <c r="BF25" s="531"/>
      <c r="BG25" s="531"/>
      <c r="BH25" s="531"/>
      <c r="BI25" s="531"/>
      <c r="BJ25" s="531"/>
      <c r="BK25" s="531"/>
      <c r="BL25" s="531"/>
      <c r="BM25" s="531"/>
      <c r="BN25" s="531"/>
      <c r="BO25" s="531"/>
      <c r="BP25" s="531"/>
      <c r="BQ25" s="531"/>
      <c r="BR25" s="531"/>
      <c r="BS25" s="531"/>
      <c r="BT25" s="531"/>
      <c r="BU25" s="531"/>
      <c r="BV25" s="531"/>
      <c r="BW25" s="531"/>
      <c r="BX25" s="531"/>
      <c r="BY25" s="531"/>
      <c r="BZ25" s="531"/>
      <c r="CA25" s="531"/>
      <c r="CB25" s="531"/>
      <c r="CC25" s="531"/>
      <c r="CD25" s="531"/>
      <c r="CE25" s="531"/>
      <c r="CF25" s="531"/>
      <c r="CG25" s="531"/>
      <c r="CH25" s="531"/>
      <c r="CI25" s="531"/>
      <c r="CJ25" s="531"/>
      <c r="CK25" s="531"/>
      <c r="CL25" s="531"/>
      <c r="CM25" s="531"/>
      <c r="CN25" s="532"/>
      <c r="CO25" s="257"/>
      <c r="CP25" s="257"/>
      <c r="CQ25" s="160">
        <v>9</v>
      </c>
      <c r="CR25" s="307"/>
      <c r="CS25" s="2"/>
      <c r="CW25" s="131"/>
    </row>
    <row r="26" spans="1:101" s="64" customFormat="1" ht="39" customHeight="1" thickBot="1" x14ac:dyDescent="0.25">
      <c r="A26" s="540" t="s">
        <v>18</v>
      </c>
      <c r="B26" s="378"/>
      <c r="C26" s="378"/>
      <c r="D26" s="378"/>
      <c r="E26" s="378"/>
      <c r="F26" s="378"/>
      <c r="G26" s="378"/>
      <c r="H26" s="378"/>
      <c r="I26" s="378"/>
      <c r="J26" s="378"/>
      <c r="K26" s="379"/>
      <c r="L26" s="469" t="s">
        <v>155</v>
      </c>
      <c r="M26" s="386"/>
      <c r="N26" s="386"/>
      <c r="O26" s="387"/>
      <c r="P26" s="387"/>
      <c r="Q26" s="387"/>
      <c r="R26" s="387"/>
      <c r="S26" s="387"/>
      <c r="T26" s="387"/>
      <c r="U26" s="387"/>
      <c r="V26" s="386" t="s">
        <v>156</v>
      </c>
      <c r="W26" s="386"/>
      <c r="X26" s="386"/>
      <c r="Y26" s="387"/>
      <c r="Z26" s="387"/>
      <c r="AA26" s="387"/>
      <c r="AB26" s="387"/>
      <c r="AC26" s="387"/>
      <c r="AD26" s="387"/>
      <c r="AE26" s="387"/>
      <c r="AF26" s="386" t="s">
        <v>154</v>
      </c>
      <c r="AG26" s="386"/>
      <c r="AH26" s="386"/>
      <c r="AI26" s="387"/>
      <c r="AJ26" s="387"/>
      <c r="AK26" s="387"/>
      <c r="AL26" s="387"/>
      <c r="AM26" s="387"/>
      <c r="AN26" s="387"/>
      <c r="AO26" s="387"/>
      <c r="AP26" s="387"/>
      <c r="AQ26" s="387"/>
      <c r="AR26" s="388"/>
      <c r="AS26" s="377" t="s">
        <v>19</v>
      </c>
      <c r="AT26" s="378"/>
      <c r="AU26" s="378"/>
      <c r="AV26" s="378"/>
      <c r="AW26" s="378"/>
      <c r="AX26" s="378"/>
      <c r="AY26" s="378"/>
      <c r="AZ26" s="378"/>
      <c r="BA26" s="378"/>
      <c r="BB26" s="378"/>
      <c r="BC26" s="378"/>
      <c r="BD26" s="378"/>
      <c r="BE26" s="379"/>
      <c r="BF26" s="397"/>
      <c r="BG26" s="398"/>
      <c r="BH26" s="398"/>
      <c r="BI26" s="398"/>
      <c r="BJ26" s="398"/>
      <c r="BK26" s="398"/>
      <c r="BL26" s="398"/>
      <c r="BM26" s="398"/>
      <c r="BN26" s="398"/>
      <c r="BO26" s="398"/>
      <c r="BP26" s="398"/>
      <c r="BQ26" s="398"/>
      <c r="BR26" s="398"/>
      <c r="BS26" s="398"/>
      <c r="BT26" s="398"/>
      <c r="BU26" s="398"/>
      <c r="BV26" s="459" t="s">
        <v>157</v>
      </c>
      <c r="BW26" s="459"/>
      <c r="BX26" s="459"/>
      <c r="BY26" s="398"/>
      <c r="BZ26" s="398"/>
      <c r="CA26" s="398"/>
      <c r="CB26" s="398"/>
      <c r="CC26" s="398"/>
      <c r="CD26" s="398"/>
      <c r="CE26" s="398"/>
      <c r="CF26" s="398"/>
      <c r="CG26" s="398"/>
      <c r="CH26" s="398"/>
      <c r="CI26" s="398"/>
      <c r="CJ26" s="398"/>
      <c r="CK26" s="398"/>
      <c r="CL26" s="398"/>
      <c r="CM26" s="398"/>
      <c r="CN26" s="401"/>
      <c r="CO26" s="232"/>
      <c r="CP26" s="232"/>
      <c r="CQ26" s="160">
        <v>10</v>
      </c>
      <c r="CR26" s="307"/>
      <c r="CS26" s="2"/>
    </row>
    <row r="27" spans="1:101" ht="39" customHeight="1" thickBot="1" x14ac:dyDescent="0.25">
      <c r="A27" s="460" t="s">
        <v>20</v>
      </c>
      <c r="B27" s="418"/>
      <c r="C27" s="418"/>
      <c r="D27" s="418"/>
      <c r="E27" s="418"/>
      <c r="F27" s="418"/>
      <c r="G27" s="418"/>
      <c r="H27" s="418"/>
      <c r="I27" s="418"/>
      <c r="J27" s="418"/>
      <c r="K27" s="461"/>
      <c r="L27" s="431" t="s">
        <v>155</v>
      </c>
      <c r="M27" s="432"/>
      <c r="N27" s="432"/>
      <c r="O27" s="462"/>
      <c r="P27" s="462"/>
      <c r="Q27" s="462"/>
      <c r="R27" s="462"/>
      <c r="S27" s="462"/>
      <c r="T27" s="462"/>
      <c r="U27" s="462"/>
      <c r="V27" s="432" t="s">
        <v>156</v>
      </c>
      <c r="W27" s="432"/>
      <c r="X27" s="432"/>
      <c r="Y27" s="462"/>
      <c r="Z27" s="462"/>
      <c r="AA27" s="462"/>
      <c r="AB27" s="462"/>
      <c r="AC27" s="462"/>
      <c r="AD27" s="462"/>
      <c r="AE27" s="462"/>
      <c r="AF27" s="432" t="s">
        <v>154</v>
      </c>
      <c r="AG27" s="432"/>
      <c r="AH27" s="432"/>
      <c r="AI27" s="462"/>
      <c r="AJ27" s="462"/>
      <c r="AK27" s="462"/>
      <c r="AL27" s="462"/>
      <c r="AM27" s="462"/>
      <c r="AN27" s="462"/>
      <c r="AO27" s="462"/>
      <c r="AP27" s="462"/>
      <c r="AQ27" s="462"/>
      <c r="AR27" s="462"/>
      <c r="AS27" s="423" t="s">
        <v>1226</v>
      </c>
      <c r="AT27" s="424"/>
      <c r="AU27" s="424"/>
      <c r="AV27" s="424"/>
      <c r="AW27" s="424"/>
      <c r="AX27" s="424"/>
      <c r="AY27" s="424"/>
      <c r="AZ27" s="424"/>
      <c r="BA27" s="424"/>
      <c r="BB27" s="424"/>
      <c r="BC27" s="424"/>
      <c r="BD27" s="424"/>
      <c r="BE27" s="424"/>
      <c r="BF27" s="424"/>
      <c r="BG27" s="424"/>
      <c r="BH27" s="424"/>
      <c r="BI27" s="424"/>
      <c r="BJ27" s="424"/>
      <c r="BK27" s="424"/>
      <c r="BL27" s="424"/>
      <c r="BM27" s="424"/>
      <c r="BN27" s="424"/>
      <c r="BO27" s="424"/>
      <c r="BP27" s="424"/>
      <c r="BQ27" s="424"/>
      <c r="BR27" s="424"/>
      <c r="BS27" s="424"/>
      <c r="BT27" s="424"/>
      <c r="BU27" s="424"/>
      <c r="BV27" s="424"/>
      <c r="BW27" s="424"/>
      <c r="BX27" s="424"/>
      <c r="BY27" s="424"/>
      <c r="BZ27" s="424"/>
      <c r="CA27" s="424"/>
      <c r="CB27" s="424"/>
      <c r="CC27" s="424"/>
      <c r="CD27" s="424"/>
      <c r="CE27" s="424"/>
      <c r="CF27" s="424"/>
      <c r="CG27" s="424"/>
      <c r="CH27" s="424"/>
      <c r="CI27" s="425"/>
      <c r="CJ27" s="399" t="s">
        <v>3</v>
      </c>
      <c r="CK27" s="399"/>
      <c r="CL27" s="399"/>
      <c r="CM27" s="399"/>
      <c r="CN27" s="400"/>
      <c r="CO27" s="229"/>
      <c r="CP27" s="229"/>
      <c r="CQ27" s="160">
        <v>11</v>
      </c>
      <c r="CR27" s="307"/>
      <c r="CS27" s="2"/>
    </row>
    <row r="28" spans="1:101" s="60" customFormat="1" ht="28.2" customHeight="1" x14ac:dyDescent="0.2">
      <c r="A28" s="226"/>
      <c r="B28" s="226"/>
      <c r="C28" s="226"/>
      <c r="D28" s="226"/>
      <c r="E28" s="226"/>
      <c r="F28" s="226"/>
      <c r="G28" s="226"/>
      <c r="H28" s="226"/>
      <c r="I28" s="226"/>
      <c r="J28" s="226"/>
      <c r="K28" s="226"/>
      <c r="L28" s="226"/>
      <c r="M28" s="226"/>
      <c r="N28" s="226"/>
      <c r="O28" s="226"/>
      <c r="P28" s="226"/>
      <c r="T28" s="259"/>
      <c r="AD28" s="259"/>
      <c r="AE28" s="259"/>
      <c r="AF28" s="259"/>
      <c r="AG28" s="259"/>
      <c r="AH28" s="259"/>
      <c r="AI28" s="259"/>
      <c r="AJ28" s="259"/>
      <c r="AK28" s="259"/>
      <c r="AL28" s="259"/>
      <c r="AM28" s="259"/>
      <c r="AN28" s="259"/>
      <c r="AO28" s="259"/>
      <c r="AP28" s="259"/>
      <c r="AQ28" s="259"/>
      <c r="AR28" s="259"/>
      <c r="CO28" s="63"/>
      <c r="CP28" s="63"/>
      <c r="CQ28" s="159"/>
      <c r="CR28" s="306"/>
      <c r="CS28" s="2"/>
    </row>
    <row r="29" spans="1:101" ht="16.5" customHeight="1" thickBot="1" x14ac:dyDescent="0.25">
      <c r="A29" s="370" t="s">
        <v>952</v>
      </c>
      <c r="B29" s="370"/>
      <c r="C29" s="370"/>
      <c r="D29" s="370"/>
      <c r="E29" s="370"/>
      <c r="F29" s="370"/>
      <c r="G29" s="370"/>
      <c r="H29" s="370"/>
      <c r="I29" s="370"/>
      <c r="J29" s="370"/>
      <c r="K29" s="370"/>
      <c r="L29" s="370"/>
      <c r="M29" s="370"/>
      <c r="N29" s="370"/>
      <c r="O29" s="370"/>
      <c r="P29" s="370"/>
      <c r="Q29" s="370"/>
      <c r="R29" s="370"/>
      <c r="S29" s="370"/>
      <c r="T29" s="370"/>
      <c r="U29" s="370"/>
      <c r="V29" s="370"/>
      <c r="W29" s="370"/>
      <c r="X29" s="370"/>
      <c r="Y29" s="370"/>
      <c r="Z29" s="370"/>
      <c r="AA29" s="370"/>
      <c r="AB29" s="370"/>
      <c r="AC29" s="370"/>
      <c r="AD29" s="370"/>
      <c r="AE29" s="370"/>
      <c r="AF29" s="370"/>
      <c r="AG29" s="370"/>
      <c r="AH29" s="370"/>
      <c r="AI29" s="370"/>
      <c r="AJ29" s="370"/>
      <c r="AK29" s="370"/>
      <c r="AL29" s="370"/>
      <c r="AM29" s="370"/>
      <c r="AN29" s="370"/>
      <c r="AO29" s="370"/>
      <c r="AP29" s="370"/>
      <c r="AQ29" s="370"/>
      <c r="AR29" s="370"/>
      <c r="AS29" s="370"/>
      <c r="AT29" s="370"/>
      <c r="AU29" s="370"/>
      <c r="AV29" s="370"/>
      <c r="AW29" s="370"/>
      <c r="AX29" s="370"/>
      <c r="AY29" s="370"/>
      <c r="AZ29" s="370"/>
      <c r="BA29" s="370"/>
      <c r="BB29" s="370"/>
      <c r="BC29" s="370"/>
      <c r="BD29" s="370"/>
      <c r="BE29" s="370"/>
      <c r="BF29" s="370"/>
      <c r="BG29" s="370"/>
      <c r="BH29" s="370"/>
      <c r="BI29" s="370"/>
      <c r="BJ29" s="370"/>
      <c r="BK29" s="370"/>
      <c r="BL29" s="370"/>
      <c r="BM29" s="370"/>
      <c r="BN29" s="370"/>
      <c r="BO29" s="370"/>
      <c r="BP29" s="370"/>
      <c r="BQ29" s="370"/>
      <c r="BR29" s="370"/>
      <c r="BS29" s="370"/>
      <c r="BT29" s="370"/>
      <c r="BU29" s="370"/>
      <c r="BV29" s="370"/>
      <c r="BW29" s="370"/>
      <c r="BX29" s="370"/>
      <c r="BY29" s="370"/>
      <c r="BZ29" s="370"/>
      <c r="CA29" s="370"/>
      <c r="CB29" s="370"/>
      <c r="CC29" s="370"/>
      <c r="CD29" s="370"/>
      <c r="CE29" s="370"/>
      <c r="CF29" s="370"/>
      <c r="CG29" s="370"/>
      <c r="CH29" s="370"/>
      <c r="CI29" s="370"/>
      <c r="CJ29" s="370"/>
      <c r="CK29" s="370"/>
      <c r="CL29" s="370"/>
      <c r="CM29" s="370"/>
      <c r="CN29" s="370"/>
      <c r="CO29" s="255"/>
      <c r="CP29" s="255"/>
      <c r="CQ29" s="160" t="s">
        <v>657</v>
      </c>
      <c r="CR29" s="308" t="s">
        <v>654</v>
      </c>
      <c r="CS29" s="26"/>
    </row>
    <row r="30" spans="1:101" s="60" customFormat="1" ht="39" customHeight="1" thickBot="1" x14ac:dyDescent="0.25">
      <c r="A30" s="436" t="s">
        <v>158</v>
      </c>
      <c r="B30" s="436"/>
      <c r="C30" s="437"/>
      <c r="D30" s="538" t="s">
        <v>141</v>
      </c>
      <c r="E30" s="538"/>
      <c r="F30" s="538"/>
      <c r="G30" s="538"/>
      <c r="H30" s="538"/>
      <c r="I30" s="538"/>
      <c r="J30" s="538"/>
      <c r="K30" s="539"/>
      <c r="L30" s="542"/>
      <c r="M30" s="542"/>
      <c r="N30" s="542"/>
      <c r="O30" s="542"/>
      <c r="P30" s="542"/>
      <c r="Q30" s="542"/>
      <c r="R30" s="542"/>
      <c r="S30" s="542"/>
      <c r="T30" s="542"/>
      <c r="U30" s="542"/>
      <c r="V30" s="542"/>
      <c r="W30" s="542"/>
      <c r="X30" s="542"/>
      <c r="Y30" s="542"/>
      <c r="Z30" s="542"/>
      <c r="AA30" s="542"/>
      <c r="AB30" s="542"/>
      <c r="AC30" s="542"/>
      <c r="AD30" s="542"/>
      <c r="AE30" s="542"/>
      <c r="AF30" s="542"/>
      <c r="AG30" s="542"/>
      <c r="AH30" s="542"/>
      <c r="AI30" s="542"/>
      <c r="AJ30" s="542"/>
      <c r="AK30" s="542"/>
      <c r="AL30" s="542"/>
      <c r="AM30" s="542"/>
      <c r="AN30" s="542"/>
      <c r="AO30" s="542"/>
      <c r="AP30" s="542"/>
      <c r="AQ30" s="542"/>
      <c r="AR30" s="542"/>
      <c r="AS30" s="542"/>
      <c r="AT30" s="542"/>
      <c r="AU30" s="542"/>
      <c r="AV30" s="542"/>
      <c r="AW30" s="542"/>
      <c r="AX30" s="542"/>
      <c r="AY30" s="542"/>
      <c r="AZ30" s="542"/>
      <c r="BA30" s="542"/>
      <c r="BB30" s="542"/>
      <c r="BC30" s="542"/>
      <c r="BD30" s="542"/>
      <c r="BE30" s="542"/>
      <c r="BF30" s="542"/>
      <c r="BG30" s="542"/>
      <c r="BH30" s="542"/>
      <c r="BI30" s="542"/>
      <c r="BJ30" s="542"/>
      <c r="BK30" s="542"/>
      <c r="BL30" s="542"/>
      <c r="BM30" s="542"/>
      <c r="BN30" s="542"/>
      <c r="BO30" s="542"/>
      <c r="BP30" s="542"/>
      <c r="BQ30" s="542"/>
      <c r="BR30" s="542"/>
      <c r="BS30" s="542"/>
      <c r="BT30" s="542"/>
      <c r="BU30" s="542"/>
      <c r="BV30" s="542"/>
      <c r="BW30" s="542"/>
      <c r="BX30" s="542"/>
      <c r="BY30" s="542"/>
      <c r="BZ30" s="542"/>
      <c r="CA30" s="542"/>
      <c r="CB30" s="542"/>
      <c r="CC30" s="542"/>
      <c r="CD30" s="542"/>
      <c r="CE30" s="542"/>
      <c r="CF30" s="542"/>
      <c r="CG30" s="542"/>
      <c r="CH30" s="542"/>
      <c r="CI30" s="542"/>
      <c r="CJ30" s="542"/>
      <c r="CK30" s="542"/>
      <c r="CL30" s="542"/>
      <c r="CM30" s="542"/>
      <c r="CN30" s="543"/>
      <c r="CO30" s="229"/>
      <c r="CP30" s="229"/>
      <c r="CQ30" s="262">
        <v>12</v>
      </c>
      <c r="CR30" s="307"/>
      <c r="CS30" s="2"/>
    </row>
    <row r="31" spans="1:101" s="60" customFormat="1" ht="39" customHeight="1" thickBot="1" x14ac:dyDescent="0.25">
      <c r="A31" s="436"/>
      <c r="B31" s="436"/>
      <c r="C31" s="437"/>
      <c r="D31" s="544" t="s">
        <v>159</v>
      </c>
      <c r="E31" s="544"/>
      <c r="F31" s="544"/>
      <c r="G31" s="544"/>
      <c r="H31" s="544"/>
      <c r="I31" s="544"/>
      <c r="J31" s="544"/>
      <c r="K31" s="545"/>
      <c r="L31" s="499"/>
      <c r="M31" s="500"/>
      <c r="N31" s="500"/>
      <c r="O31" s="500"/>
      <c r="P31" s="500"/>
      <c r="Q31" s="500"/>
      <c r="R31" s="500"/>
      <c r="S31" s="500"/>
      <c r="T31" s="500"/>
      <c r="U31" s="500"/>
      <c r="V31" s="500"/>
      <c r="W31" s="500"/>
      <c r="X31" s="500"/>
      <c r="Y31" s="500"/>
      <c r="Z31" s="500"/>
      <c r="AA31" s="500"/>
      <c r="AB31" s="500"/>
      <c r="AC31" s="501"/>
      <c r="AD31" s="502"/>
      <c r="AE31" s="500"/>
      <c r="AF31" s="500"/>
      <c r="AG31" s="500"/>
      <c r="AH31" s="500"/>
      <c r="AI31" s="500"/>
      <c r="AJ31" s="500"/>
      <c r="AK31" s="500"/>
      <c r="AL31" s="500"/>
      <c r="AM31" s="500"/>
      <c r="AN31" s="500"/>
      <c r="AO31" s="500"/>
      <c r="AP31" s="500"/>
      <c r="AQ31" s="500"/>
      <c r="AR31" s="500"/>
      <c r="AS31" s="500"/>
      <c r="AT31" s="500"/>
      <c r="AU31" s="500"/>
      <c r="AV31" s="503"/>
      <c r="AW31" s="504" t="s">
        <v>142</v>
      </c>
      <c r="AX31" s="505"/>
      <c r="AY31" s="505"/>
      <c r="AZ31" s="505"/>
      <c r="BA31" s="505"/>
      <c r="BB31" s="505"/>
      <c r="BC31" s="505"/>
      <c r="BD31" s="505"/>
      <c r="BE31" s="505"/>
      <c r="BF31" s="505"/>
      <c r="BG31" s="505"/>
      <c r="BH31" s="499"/>
      <c r="BI31" s="500"/>
      <c r="BJ31" s="500"/>
      <c r="BK31" s="500"/>
      <c r="BL31" s="500"/>
      <c r="BM31" s="500"/>
      <c r="BN31" s="500"/>
      <c r="BO31" s="500"/>
      <c r="BP31" s="500"/>
      <c r="BQ31" s="500"/>
      <c r="BR31" s="500"/>
      <c r="BS31" s="500"/>
      <c r="BT31" s="500"/>
      <c r="BU31" s="500"/>
      <c r="BV31" s="500"/>
      <c r="BW31" s="500"/>
      <c r="BX31" s="500"/>
      <c r="BY31" s="500"/>
      <c r="BZ31" s="500"/>
      <c r="CA31" s="500"/>
      <c r="CB31" s="500"/>
      <c r="CC31" s="500"/>
      <c r="CD31" s="500"/>
      <c r="CE31" s="500"/>
      <c r="CF31" s="500"/>
      <c r="CG31" s="500"/>
      <c r="CH31" s="500"/>
      <c r="CI31" s="500"/>
      <c r="CJ31" s="500"/>
      <c r="CK31" s="500"/>
      <c r="CL31" s="500"/>
      <c r="CM31" s="500"/>
      <c r="CN31" s="506"/>
      <c r="CO31" s="229"/>
      <c r="CP31" s="229"/>
      <c r="CQ31" s="199">
        <v>13</v>
      </c>
      <c r="CR31" s="307"/>
      <c r="CS31" s="2"/>
    </row>
    <row r="32" spans="1:101" ht="22.5" customHeight="1" thickBot="1" x14ac:dyDescent="0.25">
      <c r="A32" s="436"/>
      <c r="B32" s="436"/>
      <c r="C32" s="437"/>
      <c r="D32" s="450" t="s">
        <v>149</v>
      </c>
      <c r="E32" s="450"/>
      <c r="F32" s="450"/>
      <c r="G32" s="450"/>
      <c r="H32" s="450"/>
      <c r="I32" s="450"/>
      <c r="J32" s="450"/>
      <c r="K32" s="451"/>
      <c r="L32" s="427" t="s">
        <v>17</v>
      </c>
      <c r="M32" s="428"/>
      <c r="N32" s="428"/>
      <c r="O32" s="463"/>
      <c r="P32" s="463"/>
      <c r="Q32" s="463"/>
      <c r="R32" s="463"/>
      <c r="S32" s="464" t="s">
        <v>154</v>
      </c>
      <c r="T32" s="464"/>
      <c r="U32" s="463"/>
      <c r="V32" s="463"/>
      <c r="W32" s="463"/>
      <c r="X32" s="463"/>
      <c r="Y32" s="463"/>
      <c r="Z32" s="463"/>
      <c r="AA32" s="283"/>
      <c r="AB32" s="287"/>
      <c r="AC32" s="287"/>
      <c r="AD32" s="287"/>
      <c r="AE32" s="287"/>
      <c r="AF32" s="287"/>
      <c r="AG32" s="287"/>
      <c r="AH32" s="287"/>
      <c r="AI32" s="287"/>
      <c r="AJ32" s="287"/>
      <c r="AK32" s="287"/>
      <c r="AL32" s="278"/>
      <c r="AM32" s="278"/>
      <c r="AN32" s="278"/>
      <c r="AO32" s="278"/>
      <c r="AP32" s="278"/>
      <c r="AQ32" s="278"/>
      <c r="AR32" s="278"/>
      <c r="AS32" s="27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8"/>
      <c r="BQ32" s="288"/>
      <c r="BR32" s="288"/>
      <c r="BS32" s="288"/>
      <c r="BT32" s="288"/>
      <c r="BU32" s="288"/>
      <c r="BV32" s="288"/>
      <c r="BW32" s="288"/>
      <c r="BX32" s="288"/>
      <c r="BY32" s="288"/>
      <c r="BZ32" s="288"/>
      <c r="CA32" s="288"/>
      <c r="CB32" s="288"/>
      <c r="CC32" s="288"/>
      <c r="CD32" s="288"/>
      <c r="CE32" s="288"/>
      <c r="CF32" s="288"/>
      <c r="CG32" s="278"/>
      <c r="CH32" s="278"/>
      <c r="CI32" s="278"/>
      <c r="CJ32" s="278"/>
      <c r="CK32" s="278"/>
      <c r="CL32" s="278"/>
      <c r="CM32" s="278"/>
      <c r="CN32" s="289"/>
      <c r="CO32" s="65"/>
      <c r="CP32" s="65"/>
      <c r="CQ32" s="262">
        <v>14</v>
      </c>
      <c r="CR32" s="307"/>
      <c r="CS32" s="2"/>
    </row>
    <row r="33" spans="1:97" ht="39" customHeight="1" thickBot="1" x14ac:dyDescent="0.25">
      <c r="A33" s="436"/>
      <c r="B33" s="436"/>
      <c r="C33" s="437"/>
      <c r="D33" s="456"/>
      <c r="E33" s="456"/>
      <c r="F33" s="456"/>
      <c r="G33" s="456"/>
      <c r="H33" s="456"/>
      <c r="I33" s="456"/>
      <c r="J33" s="456"/>
      <c r="K33" s="457"/>
      <c r="L33" s="465"/>
      <c r="M33" s="392"/>
      <c r="N33" s="392"/>
      <c r="O33" s="392"/>
      <c r="P33" s="392"/>
      <c r="Q33" s="392"/>
      <c r="R33" s="392"/>
      <c r="S33" s="392"/>
      <c r="T33" s="392"/>
      <c r="U33" s="392"/>
      <c r="V33" s="392"/>
      <c r="W33" s="392"/>
      <c r="X33" s="392"/>
      <c r="Y33" s="392"/>
      <c r="Z33" s="392"/>
      <c r="AA33" s="392"/>
      <c r="AB33" s="458"/>
      <c r="AC33" s="391"/>
      <c r="AD33" s="392"/>
      <c r="AE33" s="392"/>
      <c r="AF33" s="392"/>
      <c r="AG33" s="392"/>
      <c r="AH33" s="392"/>
      <c r="AI33" s="392"/>
      <c r="AJ33" s="392"/>
      <c r="AK33" s="392"/>
      <c r="AL33" s="392"/>
      <c r="AM33" s="392"/>
      <c r="AN33" s="392"/>
      <c r="AO33" s="392"/>
      <c r="AP33" s="392"/>
      <c r="AQ33" s="392"/>
      <c r="AR33" s="392"/>
      <c r="AS33" s="392"/>
      <c r="AT33" s="392"/>
      <c r="AU33" s="392"/>
      <c r="AV33" s="392"/>
      <c r="AW33" s="392"/>
      <c r="AX33" s="392"/>
      <c r="AY33" s="392"/>
      <c r="AZ33" s="392"/>
      <c r="BA33" s="392"/>
      <c r="BB33" s="392"/>
      <c r="BC33" s="392"/>
      <c r="BD33" s="458"/>
      <c r="BE33" s="391"/>
      <c r="BF33" s="392"/>
      <c r="BG33" s="392"/>
      <c r="BH33" s="392"/>
      <c r="BI33" s="392"/>
      <c r="BJ33" s="392"/>
      <c r="BK33" s="392"/>
      <c r="BL33" s="392"/>
      <c r="BM33" s="392"/>
      <c r="BN33" s="392"/>
      <c r="BO33" s="392"/>
      <c r="BP33" s="392"/>
      <c r="BQ33" s="392"/>
      <c r="BR33" s="392"/>
      <c r="BS33" s="392"/>
      <c r="BT33" s="392"/>
      <c r="BU33" s="392"/>
      <c r="BV33" s="392"/>
      <c r="BW33" s="392"/>
      <c r="BX33" s="392"/>
      <c r="BY33" s="392"/>
      <c r="BZ33" s="392"/>
      <c r="CA33" s="392"/>
      <c r="CB33" s="392"/>
      <c r="CC33" s="392"/>
      <c r="CD33" s="392"/>
      <c r="CE33" s="392"/>
      <c r="CF33" s="392"/>
      <c r="CG33" s="392"/>
      <c r="CH33" s="392"/>
      <c r="CI33" s="392"/>
      <c r="CJ33" s="392"/>
      <c r="CK33" s="392"/>
      <c r="CL33" s="392"/>
      <c r="CM33" s="392"/>
      <c r="CN33" s="393"/>
      <c r="CO33" s="257"/>
      <c r="CP33" s="257"/>
      <c r="CQ33" s="199">
        <v>15</v>
      </c>
      <c r="CR33" s="307"/>
      <c r="CS33" s="2"/>
    </row>
    <row r="34" spans="1:97" ht="39" customHeight="1" thickBot="1" x14ac:dyDescent="0.25">
      <c r="A34" s="436"/>
      <c r="B34" s="436"/>
      <c r="C34" s="437"/>
      <c r="D34" s="536" t="s">
        <v>143</v>
      </c>
      <c r="E34" s="536"/>
      <c r="F34" s="536"/>
      <c r="G34" s="536"/>
      <c r="H34" s="536"/>
      <c r="I34" s="536"/>
      <c r="J34" s="536"/>
      <c r="K34" s="537"/>
      <c r="L34" s="466"/>
      <c r="M34" s="467"/>
      <c r="N34" s="467"/>
      <c r="O34" s="467"/>
      <c r="P34" s="467"/>
      <c r="Q34" s="467"/>
      <c r="R34" s="467"/>
      <c r="S34" s="467"/>
      <c r="T34" s="467"/>
      <c r="U34" s="467"/>
      <c r="V34" s="467"/>
      <c r="W34" s="467"/>
      <c r="X34" s="467"/>
      <c r="Y34" s="467"/>
      <c r="Z34" s="467"/>
      <c r="AA34" s="467"/>
      <c r="AB34" s="467"/>
      <c r="AC34" s="467"/>
      <c r="AD34" s="467"/>
      <c r="AE34" s="467"/>
      <c r="AF34" s="467"/>
      <c r="AG34" s="467"/>
      <c r="AH34" s="467"/>
      <c r="AI34" s="467"/>
      <c r="AJ34" s="467"/>
      <c r="AK34" s="467"/>
      <c r="AL34" s="467"/>
      <c r="AM34" s="467"/>
      <c r="AN34" s="467"/>
      <c r="AO34" s="467"/>
      <c r="AP34" s="467"/>
      <c r="AQ34" s="467"/>
      <c r="AR34" s="467"/>
      <c r="AS34" s="467"/>
      <c r="AT34" s="467"/>
      <c r="AU34" s="467"/>
      <c r="AV34" s="467"/>
      <c r="AW34" s="467"/>
      <c r="AX34" s="467"/>
      <c r="AY34" s="467"/>
      <c r="AZ34" s="467"/>
      <c r="BA34" s="467"/>
      <c r="BB34" s="467"/>
      <c r="BC34" s="467"/>
      <c r="BD34" s="467"/>
      <c r="BE34" s="467"/>
      <c r="BF34" s="467"/>
      <c r="BG34" s="467"/>
      <c r="BH34" s="467"/>
      <c r="BI34" s="467"/>
      <c r="BJ34" s="467"/>
      <c r="BK34" s="467"/>
      <c r="BL34" s="467"/>
      <c r="BM34" s="467"/>
      <c r="BN34" s="467"/>
      <c r="BO34" s="467"/>
      <c r="BP34" s="467"/>
      <c r="BQ34" s="467"/>
      <c r="BR34" s="467"/>
      <c r="BS34" s="467"/>
      <c r="BT34" s="467"/>
      <c r="BU34" s="467"/>
      <c r="BV34" s="467"/>
      <c r="BW34" s="467"/>
      <c r="BX34" s="467"/>
      <c r="BY34" s="467"/>
      <c r="BZ34" s="467"/>
      <c r="CA34" s="467"/>
      <c r="CB34" s="467"/>
      <c r="CC34" s="467"/>
      <c r="CD34" s="467"/>
      <c r="CE34" s="467"/>
      <c r="CF34" s="467"/>
      <c r="CG34" s="467"/>
      <c r="CH34" s="467"/>
      <c r="CI34" s="467"/>
      <c r="CJ34" s="467"/>
      <c r="CK34" s="467"/>
      <c r="CL34" s="467"/>
      <c r="CM34" s="467"/>
      <c r="CN34" s="468"/>
      <c r="CO34" s="257"/>
      <c r="CP34" s="257"/>
      <c r="CQ34" s="262">
        <v>16</v>
      </c>
      <c r="CR34" s="307"/>
      <c r="CS34" s="2"/>
    </row>
    <row r="35" spans="1:97" s="60" customFormat="1" ht="39" customHeight="1" thickBot="1" x14ac:dyDescent="0.25">
      <c r="A35" s="434" t="s">
        <v>160</v>
      </c>
      <c r="B35" s="434"/>
      <c r="C35" s="435"/>
      <c r="D35" s="438" t="s">
        <v>161</v>
      </c>
      <c r="E35" s="439"/>
      <c r="F35" s="439"/>
      <c r="G35" s="439"/>
      <c r="H35" s="439"/>
      <c r="I35" s="439"/>
      <c r="J35" s="439"/>
      <c r="K35" s="440"/>
      <c r="L35" s="441"/>
      <c r="M35" s="442"/>
      <c r="N35" s="442"/>
      <c r="O35" s="442"/>
      <c r="P35" s="442"/>
      <c r="Q35" s="442"/>
      <c r="R35" s="442"/>
      <c r="S35" s="442"/>
      <c r="T35" s="442"/>
      <c r="U35" s="442"/>
      <c r="V35" s="442"/>
      <c r="W35" s="442"/>
      <c r="X35" s="442"/>
      <c r="Y35" s="442"/>
      <c r="Z35" s="442"/>
      <c r="AA35" s="442"/>
      <c r="AB35" s="442"/>
      <c r="AC35" s="443"/>
      <c r="AD35" s="444"/>
      <c r="AE35" s="442"/>
      <c r="AF35" s="442"/>
      <c r="AG35" s="442"/>
      <c r="AH35" s="442"/>
      <c r="AI35" s="442"/>
      <c r="AJ35" s="442"/>
      <c r="AK35" s="442"/>
      <c r="AL35" s="442"/>
      <c r="AM35" s="442"/>
      <c r="AN35" s="442"/>
      <c r="AO35" s="442"/>
      <c r="AP35" s="442"/>
      <c r="AQ35" s="442"/>
      <c r="AR35" s="442"/>
      <c r="AS35" s="442"/>
      <c r="AT35" s="442"/>
      <c r="AU35" s="442"/>
      <c r="AV35" s="445"/>
      <c r="AW35" s="446" t="s">
        <v>148</v>
      </c>
      <c r="AX35" s="447"/>
      <c r="AY35" s="447"/>
      <c r="AZ35" s="447"/>
      <c r="BA35" s="447"/>
      <c r="BB35" s="447"/>
      <c r="BC35" s="447"/>
      <c r="BD35" s="447"/>
      <c r="BE35" s="447"/>
      <c r="BF35" s="447"/>
      <c r="BG35" s="447"/>
      <c r="BH35" s="441"/>
      <c r="BI35" s="442"/>
      <c r="BJ35" s="442"/>
      <c r="BK35" s="442"/>
      <c r="BL35" s="442"/>
      <c r="BM35" s="442"/>
      <c r="BN35" s="442"/>
      <c r="BO35" s="442"/>
      <c r="BP35" s="442"/>
      <c r="BQ35" s="442"/>
      <c r="BR35" s="442"/>
      <c r="BS35" s="442"/>
      <c r="BT35" s="442"/>
      <c r="BU35" s="442"/>
      <c r="BV35" s="442"/>
      <c r="BW35" s="442"/>
      <c r="BX35" s="442"/>
      <c r="BY35" s="442"/>
      <c r="BZ35" s="442"/>
      <c r="CA35" s="442"/>
      <c r="CB35" s="442"/>
      <c r="CC35" s="442"/>
      <c r="CD35" s="442"/>
      <c r="CE35" s="442"/>
      <c r="CF35" s="442"/>
      <c r="CG35" s="442"/>
      <c r="CH35" s="442"/>
      <c r="CI35" s="442"/>
      <c r="CJ35" s="442"/>
      <c r="CK35" s="442"/>
      <c r="CL35" s="442"/>
      <c r="CM35" s="442"/>
      <c r="CN35" s="448"/>
      <c r="CO35" s="229"/>
      <c r="CP35" s="229"/>
      <c r="CQ35" s="199">
        <v>17</v>
      </c>
      <c r="CR35" s="307"/>
      <c r="CS35" s="2"/>
    </row>
    <row r="36" spans="1:97" ht="19.8" customHeight="1" thickBot="1" x14ac:dyDescent="0.25">
      <c r="A36" s="434"/>
      <c r="B36" s="434"/>
      <c r="C36" s="435"/>
      <c r="D36" s="449" t="s">
        <v>150</v>
      </c>
      <c r="E36" s="450"/>
      <c r="F36" s="450"/>
      <c r="G36" s="450"/>
      <c r="H36" s="450"/>
      <c r="I36" s="450"/>
      <c r="J36" s="450"/>
      <c r="K36" s="451"/>
      <c r="L36" s="534" t="s">
        <v>3</v>
      </c>
      <c r="M36" s="535"/>
      <c r="N36" s="535"/>
      <c r="O36" s="290"/>
      <c r="P36" s="470" t="s">
        <v>162</v>
      </c>
      <c r="Q36" s="470"/>
      <c r="R36" s="470"/>
      <c r="S36" s="470"/>
      <c r="T36" s="470"/>
      <c r="U36" s="470"/>
      <c r="V36" s="470"/>
      <c r="W36" s="470"/>
      <c r="X36" s="470"/>
      <c r="Y36" s="470"/>
      <c r="Z36" s="470"/>
      <c r="AA36" s="470"/>
      <c r="AB36" s="470"/>
      <c r="AC36" s="470"/>
      <c r="AD36" s="470"/>
      <c r="AE36" s="470"/>
      <c r="AF36" s="470"/>
      <c r="AG36" s="470"/>
      <c r="AH36" s="470"/>
      <c r="AI36" s="470"/>
      <c r="AJ36" s="470"/>
      <c r="AK36" s="470"/>
      <c r="AL36" s="470"/>
      <c r="AM36" s="470"/>
      <c r="AN36" s="470"/>
      <c r="AO36" s="470"/>
      <c r="AP36" s="470"/>
      <c r="AQ36" s="470"/>
      <c r="AR36" s="470"/>
      <c r="AS36" s="470"/>
      <c r="AT36" s="470"/>
      <c r="AU36" s="470"/>
      <c r="AV36" s="470"/>
      <c r="AW36" s="470"/>
      <c r="AX36" s="470"/>
      <c r="AY36" s="470"/>
      <c r="AZ36" s="470"/>
      <c r="BA36" s="470"/>
      <c r="BB36" s="470"/>
      <c r="BC36" s="470"/>
      <c r="BD36" s="470"/>
      <c r="BE36" s="470"/>
      <c r="BF36" s="470"/>
      <c r="BG36" s="470"/>
      <c r="BH36" s="470"/>
      <c r="BI36" s="470"/>
      <c r="BJ36" s="470"/>
      <c r="BK36" s="470"/>
      <c r="BL36" s="470"/>
      <c r="BM36" s="470"/>
      <c r="BN36" s="470"/>
      <c r="BO36" s="470"/>
      <c r="BP36" s="470"/>
      <c r="BQ36" s="470"/>
      <c r="BR36" s="470"/>
      <c r="BS36" s="470"/>
      <c r="BT36" s="470"/>
      <c r="BU36" s="470"/>
      <c r="BV36" s="470"/>
      <c r="BW36" s="470"/>
      <c r="BX36" s="470"/>
      <c r="BY36" s="470"/>
      <c r="BZ36" s="470"/>
      <c r="CA36" s="470"/>
      <c r="CB36" s="470"/>
      <c r="CC36" s="470"/>
      <c r="CD36" s="470"/>
      <c r="CE36" s="470"/>
      <c r="CF36" s="470"/>
      <c r="CG36" s="470"/>
      <c r="CH36" s="470"/>
      <c r="CI36" s="470"/>
      <c r="CJ36" s="470"/>
      <c r="CK36" s="470"/>
      <c r="CL36" s="470"/>
      <c r="CM36" s="470"/>
      <c r="CN36" s="471"/>
      <c r="CO36" s="233"/>
      <c r="CP36" s="233"/>
      <c r="CQ36" s="262">
        <v>18</v>
      </c>
      <c r="CR36" s="307"/>
      <c r="CS36" s="2"/>
    </row>
    <row r="37" spans="1:97" ht="22.5" customHeight="1" thickBot="1" x14ac:dyDescent="0.25">
      <c r="A37" s="436"/>
      <c r="B37" s="436"/>
      <c r="C37" s="437"/>
      <c r="D37" s="452"/>
      <c r="E37" s="453"/>
      <c r="F37" s="453"/>
      <c r="G37" s="453"/>
      <c r="H37" s="453"/>
      <c r="I37" s="453"/>
      <c r="J37" s="453"/>
      <c r="K37" s="454"/>
      <c r="L37" s="428" t="s">
        <v>17</v>
      </c>
      <c r="M37" s="428"/>
      <c r="N37" s="428"/>
      <c r="O37" s="421"/>
      <c r="P37" s="421"/>
      <c r="Q37" s="421"/>
      <c r="R37" s="421"/>
      <c r="S37" s="422" t="s">
        <v>154</v>
      </c>
      <c r="T37" s="422"/>
      <c r="U37" s="421"/>
      <c r="V37" s="421"/>
      <c r="W37" s="421"/>
      <c r="X37" s="421"/>
      <c r="Y37" s="421"/>
      <c r="Z37" s="421"/>
      <c r="AA37" s="283"/>
      <c r="AB37" s="284"/>
      <c r="AC37" s="284"/>
      <c r="AD37" s="284"/>
      <c r="AE37" s="284"/>
      <c r="AF37" s="284"/>
      <c r="AG37" s="284"/>
      <c r="AH37" s="284"/>
      <c r="AI37" s="284"/>
      <c r="AJ37" s="284"/>
      <c r="AK37" s="284"/>
      <c r="AL37" s="278"/>
      <c r="AM37" s="278"/>
      <c r="AN37" s="278"/>
      <c r="AO37" s="278"/>
      <c r="AP37" s="278"/>
      <c r="AQ37" s="278"/>
      <c r="AR37" s="278"/>
      <c r="AS37" s="278"/>
      <c r="AT37" s="288"/>
      <c r="AU37" s="288"/>
      <c r="AV37" s="288"/>
      <c r="AW37" s="288"/>
      <c r="AX37" s="288"/>
      <c r="AY37" s="288"/>
      <c r="AZ37" s="288"/>
      <c r="BA37" s="288"/>
      <c r="BB37" s="288"/>
      <c r="BC37" s="288"/>
      <c r="BD37" s="288"/>
      <c r="BE37" s="288"/>
      <c r="BF37" s="288"/>
      <c r="BG37" s="288"/>
      <c r="BH37" s="288"/>
      <c r="BI37" s="288"/>
      <c r="BJ37" s="288"/>
      <c r="BK37" s="288"/>
      <c r="BL37" s="288"/>
      <c r="BM37" s="288"/>
      <c r="BN37" s="288"/>
      <c r="BO37" s="288"/>
      <c r="BP37" s="288"/>
      <c r="BQ37" s="288"/>
      <c r="BR37" s="288"/>
      <c r="BS37" s="288"/>
      <c r="BT37" s="288"/>
      <c r="BU37" s="288"/>
      <c r="BV37" s="288"/>
      <c r="BW37" s="288"/>
      <c r="BX37" s="288"/>
      <c r="BY37" s="288"/>
      <c r="BZ37" s="288"/>
      <c r="CA37" s="288"/>
      <c r="CB37" s="288"/>
      <c r="CC37" s="288"/>
      <c r="CD37" s="288"/>
      <c r="CE37" s="288"/>
      <c r="CF37" s="288"/>
      <c r="CG37" s="278"/>
      <c r="CH37" s="278"/>
      <c r="CI37" s="278"/>
      <c r="CJ37" s="278"/>
      <c r="CK37" s="278"/>
      <c r="CL37" s="278"/>
      <c r="CM37" s="278"/>
      <c r="CN37" s="289"/>
      <c r="CO37" s="65"/>
      <c r="CP37" s="65"/>
      <c r="CQ37" s="199">
        <v>19</v>
      </c>
      <c r="CR37" s="307"/>
      <c r="CS37" s="2"/>
    </row>
    <row r="38" spans="1:97" ht="39" customHeight="1" thickBot="1" x14ac:dyDescent="0.25">
      <c r="A38" s="436"/>
      <c r="B38" s="436"/>
      <c r="C38" s="437"/>
      <c r="D38" s="455"/>
      <c r="E38" s="456"/>
      <c r="F38" s="456"/>
      <c r="G38" s="456"/>
      <c r="H38" s="456"/>
      <c r="I38" s="456"/>
      <c r="J38" s="456"/>
      <c r="K38" s="457"/>
      <c r="L38" s="392"/>
      <c r="M38" s="392"/>
      <c r="N38" s="392"/>
      <c r="O38" s="392"/>
      <c r="P38" s="392"/>
      <c r="Q38" s="392"/>
      <c r="R38" s="392"/>
      <c r="S38" s="392"/>
      <c r="T38" s="392"/>
      <c r="U38" s="392"/>
      <c r="V38" s="392"/>
      <c r="W38" s="392"/>
      <c r="X38" s="392"/>
      <c r="Y38" s="392"/>
      <c r="Z38" s="392"/>
      <c r="AA38" s="392"/>
      <c r="AB38" s="458"/>
      <c r="AC38" s="391"/>
      <c r="AD38" s="392"/>
      <c r="AE38" s="392"/>
      <c r="AF38" s="392"/>
      <c r="AG38" s="392"/>
      <c r="AH38" s="392"/>
      <c r="AI38" s="392"/>
      <c r="AJ38" s="392"/>
      <c r="AK38" s="392"/>
      <c r="AL38" s="392"/>
      <c r="AM38" s="392"/>
      <c r="AN38" s="392"/>
      <c r="AO38" s="392"/>
      <c r="AP38" s="392"/>
      <c r="AQ38" s="392"/>
      <c r="AR38" s="392"/>
      <c r="AS38" s="392"/>
      <c r="AT38" s="392"/>
      <c r="AU38" s="392"/>
      <c r="AV38" s="392"/>
      <c r="AW38" s="392"/>
      <c r="AX38" s="392"/>
      <c r="AY38" s="392"/>
      <c r="AZ38" s="392"/>
      <c r="BA38" s="392"/>
      <c r="BB38" s="392"/>
      <c r="BC38" s="392"/>
      <c r="BD38" s="458"/>
      <c r="BE38" s="391"/>
      <c r="BF38" s="392"/>
      <c r="BG38" s="392"/>
      <c r="BH38" s="392"/>
      <c r="BI38" s="392"/>
      <c r="BJ38" s="392"/>
      <c r="BK38" s="392"/>
      <c r="BL38" s="392"/>
      <c r="BM38" s="392"/>
      <c r="BN38" s="392"/>
      <c r="BO38" s="392"/>
      <c r="BP38" s="392"/>
      <c r="BQ38" s="392"/>
      <c r="BR38" s="392"/>
      <c r="BS38" s="392"/>
      <c r="BT38" s="392"/>
      <c r="BU38" s="392"/>
      <c r="BV38" s="392"/>
      <c r="BW38" s="392"/>
      <c r="BX38" s="392"/>
      <c r="BY38" s="392"/>
      <c r="BZ38" s="392"/>
      <c r="CA38" s="392"/>
      <c r="CB38" s="392"/>
      <c r="CC38" s="392"/>
      <c r="CD38" s="392"/>
      <c r="CE38" s="392"/>
      <c r="CF38" s="392"/>
      <c r="CG38" s="392"/>
      <c r="CH38" s="392"/>
      <c r="CI38" s="392"/>
      <c r="CJ38" s="392"/>
      <c r="CK38" s="392"/>
      <c r="CL38" s="392"/>
      <c r="CM38" s="392"/>
      <c r="CN38" s="393"/>
      <c r="CO38" s="257"/>
      <c r="CP38" s="257"/>
      <c r="CQ38" s="262">
        <v>20</v>
      </c>
      <c r="CR38" s="307"/>
      <c r="CS38" s="2"/>
    </row>
    <row r="39" spans="1:97" ht="39" customHeight="1" thickBot="1" x14ac:dyDescent="0.25">
      <c r="A39" s="436"/>
      <c r="B39" s="436"/>
      <c r="C39" s="437"/>
      <c r="D39" s="402" t="s">
        <v>143</v>
      </c>
      <c r="E39" s="402"/>
      <c r="F39" s="402"/>
      <c r="G39" s="402"/>
      <c r="H39" s="402"/>
      <c r="I39" s="402"/>
      <c r="J39" s="402"/>
      <c r="K39" s="403"/>
      <c r="L39" s="394"/>
      <c r="M39" s="395"/>
      <c r="N39" s="395"/>
      <c r="O39" s="395"/>
      <c r="P39" s="395"/>
      <c r="Q39" s="395"/>
      <c r="R39" s="395"/>
      <c r="S39" s="395"/>
      <c r="T39" s="395"/>
      <c r="U39" s="395"/>
      <c r="V39" s="395"/>
      <c r="W39" s="395"/>
      <c r="X39" s="395"/>
      <c r="Y39" s="395"/>
      <c r="Z39" s="395"/>
      <c r="AA39" s="395"/>
      <c r="AB39" s="395"/>
      <c r="AC39" s="395"/>
      <c r="AD39" s="395"/>
      <c r="AE39" s="395"/>
      <c r="AF39" s="395"/>
      <c r="AG39" s="395"/>
      <c r="AH39" s="395"/>
      <c r="AI39" s="395"/>
      <c r="AJ39" s="395"/>
      <c r="AK39" s="395"/>
      <c r="AL39" s="395"/>
      <c r="AM39" s="395"/>
      <c r="AN39" s="395"/>
      <c r="AO39" s="395"/>
      <c r="AP39" s="395"/>
      <c r="AQ39" s="395"/>
      <c r="AR39" s="395"/>
      <c r="AS39" s="395"/>
      <c r="AT39" s="395"/>
      <c r="AU39" s="395"/>
      <c r="AV39" s="395"/>
      <c r="AW39" s="395"/>
      <c r="AX39" s="395"/>
      <c r="AY39" s="395"/>
      <c r="AZ39" s="395"/>
      <c r="BA39" s="395"/>
      <c r="BB39" s="395"/>
      <c r="BC39" s="395"/>
      <c r="BD39" s="395"/>
      <c r="BE39" s="395"/>
      <c r="BF39" s="395"/>
      <c r="BG39" s="395"/>
      <c r="BH39" s="395"/>
      <c r="BI39" s="395"/>
      <c r="BJ39" s="395"/>
      <c r="BK39" s="395"/>
      <c r="BL39" s="395"/>
      <c r="BM39" s="395"/>
      <c r="BN39" s="395"/>
      <c r="BO39" s="395"/>
      <c r="BP39" s="395"/>
      <c r="BQ39" s="395"/>
      <c r="BR39" s="395"/>
      <c r="BS39" s="395"/>
      <c r="BT39" s="395"/>
      <c r="BU39" s="395"/>
      <c r="BV39" s="395"/>
      <c r="BW39" s="395"/>
      <c r="BX39" s="395"/>
      <c r="BY39" s="395"/>
      <c r="BZ39" s="395"/>
      <c r="CA39" s="395"/>
      <c r="CB39" s="395"/>
      <c r="CC39" s="395"/>
      <c r="CD39" s="395"/>
      <c r="CE39" s="395"/>
      <c r="CF39" s="395"/>
      <c r="CG39" s="395"/>
      <c r="CH39" s="395"/>
      <c r="CI39" s="395"/>
      <c r="CJ39" s="395"/>
      <c r="CK39" s="395"/>
      <c r="CL39" s="395"/>
      <c r="CM39" s="395"/>
      <c r="CN39" s="396"/>
      <c r="CO39" s="257"/>
      <c r="CP39" s="257"/>
      <c r="CQ39" s="199">
        <v>21</v>
      </c>
      <c r="CR39" s="307"/>
      <c r="CS39" s="155"/>
    </row>
    <row r="40" spans="1:97" s="64" customFormat="1" ht="39" customHeight="1" thickBot="1" x14ac:dyDescent="0.25">
      <c r="A40" s="436"/>
      <c r="B40" s="436"/>
      <c r="C40" s="437"/>
      <c r="D40" s="378" t="s">
        <v>18</v>
      </c>
      <c r="E40" s="378"/>
      <c r="F40" s="378"/>
      <c r="G40" s="378"/>
      <c r="H40" s="378"/>
      <c r="I40" s="378"/>
      <c r="J40" s="378"/>
      <c r="K40" s="379"/>
      <c r="L40" s="469" t="s">
        <v>155</v>
      </c>
      <c r="M40" s="386"/>
      <c r="N40" s="386"/>
      <c r="O40" s="387"/>
      <c r="P40" s="387"/>
      <c r="Q40" s="387"/>
      <c r="R40" s="387"/>
      <c r="S40" s="387"/>
      <c r="T40" s="387"/>
      <c r="U40" s="387"/>
      <c r="V40" s="386" t="s">
        <v>156</v>
      </c>
      <c r="W40" s="386"/>
      <c r="X40" s="386"/>
      <c r="Y40" s="387"/>
      <c r="Z40" s="387"/>
      <c r="AA40" s="387"/>
      <c r="AB40" s="387"/>
      <c r="AC40" s="387"/>
      <c r="AD40" s="387"/>
      <c r="AE40" s="387"/>
      <c r="AF40" s="386" t="s">
        <v>154</v>
      </c>
      <c r="AG40" s="386"/>
      <c r="AH40" s="386"/>
      <c r="AI40" s="387"/>
      <c r="AJ40" s="387"/>
      <c r="AK40" s="387"/>
      <c r="AL40" s="387"/>
      <c r="AM40" s="387"/>
      <c r="AN40" s="387"/>
      <c r="AO40" s="387"/>
      <c r="AP40" s="387"/>
      <c r="AQ40" s="387"/>
      <c r="AR40" s="388"/>
      <c r="AS40" s="377" t="s">
        <v>19</v>
      </c>
      <c r="AT40" s="378"/>
      <c r="AU40" s="378"/>
      <c r="AV40" s="378"/>
      <c r="AW40" s="378"/>
      <c r="AX40" s="378"/>
      <c r="AY40" s="378"/>
      <c r="AZ40" s="378"/>
      <c r="BA40" s="378"/>
      <c r="BB40" s="378"/>
      <c r="BC40" s="378"/>
      <c r="BD40" s="378"/>
      <c r="BE40" s="379"/>
      <c r="BF40" s="397"/>
      <c r="BG40" s="398"/>
      <c r="BH40" s="398"/>
      <c r="BI40" s="398"/>
      <c r="BJ40" s="398"/>
      <c r="BK40" s="398"/>
      <c r="BL40" s="398"/>
      <c r="BM40" s="398"/>
      <c r="BN40" s="398"/>
      <c r="BO40" s="398"/>
      <c r="BP40" s="398"/>
      <c r="BQ40" s="398"/>
      <c r="BR40" s="398"/>
      <c r="BS40" s="398"/>
      <c r="BT40" s="398"/>
      <c r="BU40" s="398"/>
      <c r="BV40" s="459" t="s">
        <v>157</v>
      </c>
      <c r="BW40" s="459"/>
      <c r="BX40" s="459"/>
      <c r="BY40" s="398"/>
      <c r="BZ40" s="398"/>
      <c r="CA40" s="398"/>
      <c r="CB40" s="398"/>
      <c r="CC40" s="398"/>
      <c r="CD40" s="398"/>
      <c r="CE40" s="398"/>
      <c r="CF40" s="398"/>
      <c r="CG40" s="398"/>
      <c r="CH40" s="398"/>
      <c r="CI40" s="398"/>
      <c r="CJ40" s="398"/>
      <c r="CK40" s="398"/>
      <c r="CL40" s="398"/>
      <c r="CM40" s="398"/>
      <c r="CN40" s="401"/>
      <c r="CO40" s="232"/>
      <c r="CP40" s="232"/>
      <c r="CQ40" s="262">
        <v>22</v>
      </c>
      <c r="CR40" s="307"/>
      <c r="CS40" s="2"/>
    </row>
    <row r="41" spans="1:97" ht="39" customHeight="1" thickBot="1" x14ac:dyDescent="0.25">
      <c r="A41" s="436"/>
      <c r="B41" s="436"/>
      <c r="C41" s="437"/>
      <c r="D41" s="418" t="s">
        <v>1227</v>
      </c>
      <c r="E41" s="419"/>
      <c r="F41" s="419"/>
      <c r="G41" s="419"/>
      <c r="H41" s="419"/>
      <c r="I41" s="419"/>
      <c r="J41" s="419"/>
      <c r="K41" s="420"/>
      <c r="L41" s="431" t="s">
        <v>155</v>
      </c>
      <c r="M41" s="432"/>
      <c r="N41" s="432"/>
      <c r="O41" s="433"/>
      <c r="P41" s="433"/>
      <c r="Q41" s="433"/>
      <c r="R41" s="433"/>
      <c r="S41" s="433"/>
      <c r="T41" s="433"/>
      <c r="U41" s="433"/>
      <c r="V41" s="432" t="s">
        <v>156</v>
      </c>
      <c r="W41" s="432"/>
      <c r="X41" s="432"/>
      <c r="Y41" s="433"/>
      <c r="Z41" s="433"/>
      <c r="AA41" s="433"/>
      <c r="AB41" s="433"/>
      <c r="AC41" s="433"/>
      <c r="AD41" s="433"/>
      <c r="AE41" s="433"/>
      <c r="AF41" s="432" t="s">
        <v>154</v>
      </c>
      <c r="AG41" s="432"/>
      <c r="AH41" s="432"/>
      <c r="AI41" s="433"/>
      <c r="AJ41" s="433"/>
      <c r="AK41" s="433"/>
      <c r="AL41" s="433"/>
      <c r="AM41" s="433"/>
      <c r="AN41" s="433"/>
      <c r="AO41" s="433"/>
      <c r="AP41" s="433"/>
      <c r="AQ41" s="433"/>
      <c r="AR41" s="433"/>
      <c r="AS41" s="423" t="s">
        <v>1228</v>
      </c>
      <c r="AT41" s="424"/>
      <c r="AU41" s="424"/>
      <c r="AV41" s="424"/>
      <c r="AW41" s="424"/>
      <c r="AX41" s="424"/>
      <c r="AY41" s="424"/>
      <c r="AZ41" s="424"/>
      <c r="BA41" s="424"/>
      <c r="BB41" s="424"/>
      <c r="BC41" s="424"/>
      <c r="BD41" s="424"/>
      <c r="BE41" s="424"/>
      <c r="BF41" s="424"/>
      <c r="BG41" s="424"/>
      <c r="BH41" s="424"/>
      <c r="BI41" s="424"/>
      <c r="BJ41" s="424"/>
      <c r="BK41" s="424"/>
      <c r="BL41" s="424"/>
      <c r="BM41" s="424"/>
      <c r="BN41" s="424"/>
      <c r="BO41" s="424"/>
      <c r="BP41" s="424"/>
      <c r="BQ41" s="424"/>
      <c r="BR41" s="424"/>
      <c r="BS41" s="424"/>
      <c r="BT41" s="424"/>
      <c r="BU41" s="424"/>
      <c r="BV41" s="424"/>
      <c r="BW41" s="424"/>
      <c r="BX41" s="424"/>
      <c r="BY41" s="424"/>
      <c r="BZ41" s="424"/>
      <c r="CA41" s="424"/>
      <c r="CB41" s="424"/>
      <c r="CC41" s="424"/>
      <c r="CD41" s="424"/>
      <c r="CE41" s="424"/>
      <c r="CF41" s="424"/>
      <c r="CG41" s="424"/>
      <c r="CH41" s="424"/>
      <c r="CI41" s="425"/>
      <c r="CJ41" s="399" t="s">
        <v>3</v>
      </c>
      <c r="CK41" s="399"/>
      <c r="CL41" s="399"/>
      <c r="CM41" s="399"/>
      <c r="CN41" s="400"/>
      <c r="CO41" s="229"/>
      <c r="CP41" s="229"/>
      <c r="CQ41" s="199">
        <v>23</v>
      </c>
      <c r="CR41" s="307"/>
      <c r="CS41" s="2"/>
    </row>
    <row r="42" spans="1:97" ht="19.2" customHeight="1" x14ac:dyDescent="0.2">
      <c r="A42" s="66"/>
      <c r="B42" s="66"/>
      <c r="C42" s="67"/>
      <c r="D42" s="67"/>
      <c r="E42" s="67"/>
      <c r="F42" s="67"/>
      <c r="G42" s="67"/>
      <c r="H42" s="67"/>
      <c r="I42" s="67"/>
      <c r="J42" s="67"/>
      <c r="K42" s="67"/>
      <c r="L42" s="68"/>
      <c r="M42" s="68"/>
      <c r="N42" s="69"/>
      <c r="O42" s="69"/>
      <c r="P42" s="69"/>
      <c r="Q42" s="69"/>
      <c r="R42" s="69"/>
      <c r="S42" s="69"/>
      <c r="T42" s="69"/>
      <c r="U42" s="69"/>
      <c r="V42" s="69"/>
      <c r="W42" s="68"/>
      <c r="X42" s="68"/>
      <c r="Y42" s="69"/>
      <c r="Z42" s="69"/>
      <c r="AA42" s="69"/>
      <c r="AB42" s="69"/>
      <c r="AC42" s="69"/>
      <c r="AD42" s="69"/>
      <c r="AE42" s="69"/>
      <c r="AF42" s="69"/>
      <c r="AG42" s="69"/>
      <c r="AH42" s="68"/>
      <c r="AI42" s="68"/>
      <c r="AJ42" s="69"/>
      <c r="AK42" s="69"/>
      <c r="AL42" s="69"/>
      <c r="AM42" s="69"/>
      <c r="AN42" s="69"/>
      <c r="AO42" s="69"/>
      <c r="AP42" s="69"/>
      <c r="AQ42" s="69"/>
      <c r="AR42" s="69"/>
      <c r="AS42" s="67"/>
      <c r="AT42" s="67"/>
      <c r="AU42" s="67"/>
      <c r="AV42" s="67"/>
      <c r="AW42" s="67"/>
      <c r="AX42" s="67"/>
      <c r="AY42" s="67"/>
      <c r="AZ42" s="67"/>
      <c r="BA42" s="67"/>
      <c r="BB42" s="67"/>
      <c r="BC42" s="67"/>
      <c r="BD42" s="70"/>
      <c r="BE42" s="68"/>
      <c r="BF42" s="68"/>
      <c r="BG42" s="69"/>
      <c r="BH42" s="69"/>
      <c r="BI42" s="69"/>
      <c r="BJ42" s="69"/>
      <c r="BK42" s="69"/>
      <c r="BL42" s="69"/>
      <c r="BM42" s="69"/>
      <c r="BN42" s="69"/>
      <c r="BO42" s="69"/>
      <c r="BP42" s="68"/>
      <c r="BQ42" s="68"/>
      <c r="BR42" s="69"/>
      <c r="BS42" s="69"/>
      <c r="BT42" s="69"/>
      <c r="BU42" s="69"/>
      <c r="BV42" s="69"/>
      <c r="BW42" s="69"/>
      <c r="BX42" s="69"/>
      <c r="BY42" s="69"/>
      <c r="BZ42" s="69"/>
      <c r="CA42" s="69"/>
      <c r="CB42" s="68"/>
      <c r="CC42" s="68"/>
      <c r="CD42" s="69"/>
      <c r="CE42" s="69"/>
      <c r="CF42" s="69"/>
      <c r="CG42" s="69"/>
      <c r="CH42" s="69"/>
      <c r="CI42" s="69"/>
      <c r="CJ42" s="69"/>
      <c r="CK42" s="69"/>
      <c r="CL42" s="69"/>
      <c r="CM42" s="69"/>
      <c r="CN42" s="69"/>
      <c r="CO42" s="234"/>
      <c r="CP42" s="234"/>
    </row>
    <row r="43" spans="1:97" ht="19.2" customHeight="1" x14ac:dyDescent="0.2">
      <c r="A43" s="66"/>
      <c r="B43" s="66"/>
      <c r="C43" s="67"/>
      <c r="D43" s="67"/>
      <c r="E43" s="67"/>
      <c r="F43" s="67"/>
      <c r="G43" s="67"/>
      <c r="H43" s="67"/>
      <c r="I43" s="67"/>
      <c r="J43" s="67"/>
      <c r="K43" s="67"/>
      <c r="L43" s="68"/>
      <c r="M43" s="68"/>
      <c r="N43" s="69"/>
      <c r="O43" s="69"/>
      <c r="P43" s="69"/>
      <c r="Q43" s="69"/>
      <c r="R43" s="69"/>
      <c r="S43" s="69"/>
      <c r="T43" s="69"/>
      <c r="U43" s="69"/>
      <c r="V43" s="69"/>
      <c r="W43" s="68"/>
      <c r="X43" s="68"/>
      <c r="Y43" s="69"/>
      <c r="Z43" s="69"/>
      <c r="AA43" s="69"/>
      <c r="AB43" s="69"/>
      <c r="AC43" s="69"/>
      <c r="AD43" s="69"/>
      <c r="AE43" s="69"/>
      <c r="AF43" s="69"/>
      <c r="AG43" s="69"/>
      <c r="AH43" s="68"/>
      <c r="AI43" s="68"/>
      <c r="AJ43" s="69"/>
      <c r="AK43" s="69"/>
      <c r="AL43" s="69"/>
      <c r="AM43" s="69"/>
      <c r="AN43" s="69"/>
      <c r="AO43" s="69"/>
      <c r="AP43" s="69"/>
      <c r="AQ43" s="69"/>
      <c r="AR43" s="69"/>
      <c r="AS43" s="67"/>
      <c r="AT43" s="67"/>
      <c r="AU43" s="67"/>
      <c r="AV43" s="67"/>
      <c r="AW43" s="67"/>
      <c r="AX43" s="67"/>
      <c r="AY43" s="67"/>
      <c r="AZ43" s="67"/>
      <c r="BA43" s="67"/>
      <c r="BB43" s="67"/>
      <c r="BC43" s="67"/>
      <c r="BD43" s="70"/>
      <c r="BE43" s="68"/>
      <c r="BF43" s="68"/>
      <c r="BG43" s="69"/>
      <c r="BH43" s="69"/>
      <c r="BI43" s="69"/>
      <c r="BJ43" s="69"/>
      <c r="BK43" s="69"/>
      <c r="BL43" s="69"/>
      <c r="BM43" s="69"/>
      <c r="BN43" s="69"/>
      <c r="BO43" s="69"/>
      <c r="BP43" s="68"/>
      <c r="BQ43" s="68"/>
      <c r="BR43" s="69"/>
      <c r="BS43" s="69"/>
      <c r="BT43" s="69"/>
      <c r="BU43" s="69"/>
      <c r="BV43" s="69"/>
      <c r="BW43" s="69"/>
      <c r="BX43" s="69"/>
      <c r="BY43" s="69"/>
      <c r="BZ43" s="69"/>
      <c r="CA43" s="69"/>
      <c r="CB43" s="68"/>
      <c r="CC43" s="68"/>
      <c r="CD43" s="69"/>
      <c r="CE43" s="69"/>
      <c r="CF43" s="69"/>
      <c r="CG43" s="69"/>
      <c r="CH43" s="69"/>
      <c r="CI43" s="69"/>
      <c r="CJ43" s="69"/>
      <c r="CK43" s="69"/>
      <c r="CL43" s="69"/>
      <c r="CM43" s="69"/>
      <c r="CN43" s="69"/>
      <c r="CO43" s="234"/>
      <c r="CP43" s="234"/>
    </row>
    <row r="44" spans="1:97" ht="10.8" customHeight="1" x14ac:dyDescent="0.2">
      <c r="A44" s="263"/>
      <c r="B44" s="263"/>
      <c r="C44" s="263"/>
      <c r="D44" s="263"/>
      <c r="E44" s="263"/>
      <c r="F44" s="263"/>
      <c r="G44" s="263"/>
      <c r="H44" s="263"/>
      <c r="I44" s="263"/>
      <c r="J44" s="263"/>
      <c r="K44" s="263"/>
      <c r="L44" s="263"/>
      <c r="M44" s="263"/>
      <c r="N44" s="263"/>
      <c r="O44" s="263"/>
      <c r="P44" s="263"/>
      <c r="Q44" s="263"/>
      <c r="R44" s="263"/>
      <c r="S44" s="266"/>
      <c r="T44" s="266"/>
      <c r="U44" s="266"/>
      <c r="V44" s="266"/>
      <c r="W44" s="267"/>
      <c r="X44" s="267"/>
      <c r="Y44" s="267"/>
      <c r="Z44" s="267"/>
      <c r="AA44" s="267"/>
      <c r="AB44" s="267"/>
      <c r="AC44" s="267"/>
      <c r="AD44" s="267"/>
      <c r="AE44" s="267"/>
      <c r="AF44" s="267"/>
      <c r="AG44" s="267"/>
      <c r="AH44" s="264"/>
      <c r="AI44" s="264"/>
      <c r="AJ44" s="264"/>
      <c r="AK44" s="264"/>
      <c r="AL44" s="264"/>
      <c r="AM44" s="264"/>
      <c r="AN44" s="148"/>
      <c r="AO44" s="148"/>
      <c r="AP44" s="148"/>
      <c r="AQ44" s="148"/>
    </row>
    <row r="45" spans="1:97" ht="16.2" customHeight="1" thickBot="1" x14ac:dyDescent="0.25">
      <c r="A45" s="541" t="s">
        <v>953</v>
      </c>
      <c r="B45" s="541"/>
      <c r="C45" s="541"/>
      <c r="D45" s="541"/>
      <c r="E45" s="541"/>
      <c r="F45" s="541"/>
      <c r="G45" s="541"/>
      <c r="H45" s="541"/>
      <c r="I45" s="541"/>
      <c r="J45" s="541"/>
      <c r="K45" s="541"/>
      <c r="L45" s="541"/>
      <c r="M45" s="541"/>
      <c r="N45" s="541"/>
      <c r="O45" s="541"/>
      <c r="P45" s="541"/>
      <c r="Q45" s="541"/>
      <c r="R45" s="541"/>
      <c r="S45" s="541"/>
      <c r="T45" s="541"/>
      <c r="U45" s="541"/>
      <c r="V45" s="541"/>
      <c r="W45" s="541"/>
      <c r="X45" s="541"/>
      <c r="Y45" s="541"/>
      <c r="Z45" s="541"/>
      <c r="AA45" s="541"/>
      <c r="AB45" s="541"/>
      <c r="AC45" s="541"/>
      <c r="AD45" s="541"/>
      <c r="AE45" s="278"/>
      <c r="AF45" s="541" t="s">
        <v>994</v>
      </c>
      <c r="AG45" s="541"/>
      <c r="AH45" s="541"/>
      <c r="AI45" s="541"/>
      <c r="AJ45" s="541"/>
      <c r="AK45" s="541"/>
      <c r="AL45" s="541"/>
      <c r="AM45" s="541"/>
      <c r="AN45" s="541"/>
      <c r="AO45" s="541"/>
      <c r="AP45" s="541"/>
      <c r="AQ45" s="541"/>
      <c r="AR45" s="541"/>
      <c r="AS45" s="541"/>
      <c r="AT45" s="541"/>
      <c r="AU45" s="541"/>
      <c r="AV45" s="541"/>
      <c r="AW45" s="541"/>
      <c r="AX45" s="541"/>
      <c r="AY45" s="541"/>
      <c r="AZ45" s="541"/>
      <c r="BA45" s="541"/>
      <c r="BB45" s="541"/>
      <c r="BC45" s="541"/>
      <c r="BD45" s="541"/>
      <c r="BE45" s="541"/>
      <c r="BF45" s="541"/>
      <c r="BG45" s="541"/>
      <c r="BH45" s="541"/>
      <c r="BI45" s="541"/>
      <c r="BJ45" s="278"/>
      <c r="BK45" s="541" t="s">
        <v>995</v>
      </c>
      <c r="BL45" s="541"/>
      <c r="BM45" s="541"/>
      <c r="BN45" s="541"/>
      <c r="BO45" s="541"/>
      <c r="BP45" s="541"/>
      <c r="BQ45" s="541"/>
      <c r="BR45" s="541"/>
      <c r="BS45" s="541"/>
      <c r="BT45" s="541"/>
      <c r="BU45" s="541"/>
      <c r="BV45" s="541"/>
      <c r="BW45" s="541"/>
      <c r="BX45" s="541"/>
      <c r="BY45" s="541"/>
      <c r="BZ45" s="541"/>
      <c r="CA45" s="541"/>
      <c r="CB45" s="541"/>
      <c r="CC45" s="541"/>
      <c r="CD45" s="541"/>
      <c r="CE45" s="541"/>
      <c r="CF45" s="541"/>
      <c r="CG45" s="541"/>
      <c r="CH45" s="541"/>
      <c r="CI45" s="541"/>
      <c r="CJ45" s="541"/>
      <c r="CK45" s="541"/>
      <c r="CL45" s="541"/>
      <c r="CM45" s="541"/>
      <c r="CN45" s="541"/>
      <c r="CQ45" s="160" t="s">
        <v>657</v>
      </c>
      <c r="CR45" s="308" t="s">
        <v>654</v>
      </c>
    </row>
    <row r="46" spans="1:97" ht="38.4" customHeight="1" thickBot="1" x14ac:dyDescent="0.25">
      <c r="A46" s="408" t="s">
        <v>1229</v>
      </c>
      <c r="B46" s="409"/>
      <c r="C46" s="409"/>
      <c r="D46" s="409"/>
      <c r="E46" s="409"/>
      <c r="F46" s="409"/>
      <c r="G46" s="409"/>
      <c r="H46" s="409"/>
      <c r="I46" s="409"/>
      <c r="J46" s="409"/>
      <c r="K46" s="409"/>
      <c r="L46" s="409"/>
      <c r="M46" s="409"/>
      <c r="N46" s="409"/>
      <c r="O46" s="409"/>
      <c r="P46" s="409"/>
      <c r="Q46" s="412"/>
      <c r="R46" s="412"/>
      <c r="S46" s="412"/>
      <c r="T46" s="412"/>
      <c r="U46" s="412"/>
      <c r="V46" s="412"/>
      <c r="W46" s="412"/>
      <c r="X46" s="412"/>
      <c r="Y46" s="412"/>
      <c r="Z46" s="412"/>
      <c r="AA46" s="410" t="s">
        <v>996</v>
      </c>
      <c r="AB46" s="410"/>
      <c r="AC46" s="410"/>
      <c r="AD46" s="411"/>
      <c r="AE46" s="291"/>
      <c r="AF46" s="389">
        <v>2023</v>
      </c>
      <c r="AG46" s="390"/>
      <c r="AH46" s="390"/>
      <c r="AI46" s="390"/>
      <c r="AJ46" s="390"/>
      <c r="AK46" s="390"/>
      <c r="AL46" s="390"/>
      <c r="AM46" s="390"/>
      <c r="AN46" s="390"/>
      <c r="AO46" s="416" t="s">
        <v>997</v>
      </c>
      <c r="AP46" s="416"/>
      <c r="AQ46" s="416"/>
      <c r="AR46" s="415"/>
      <c r="AS46" s="415"/>
      <c r="AT46" s="415"/>
      <c r="AU46" s="415"/>
      <c r="AV46" s="415"/>
      <c r="AW46" s="415"/>
      <c r="AX46" s="416" t="s">
        <v>999</v>
      </c>
      <c r="AY46" s="416"/>
      <c r="AZ46" s="416"/>
      <c r="BA46" s="415"/>
      <c r="BB46" s="415"/>
      <c r="BC46" s="415"/>
      <c r="BD46" s="415"/>
      <c r="BE46" s="415"/>
      <c r="BF46" s="415"/>
      <c r="BG46" s="413" t="s">
        <v>998</v>
      </c>
      <c r="BH46" s="413"/>
      <c r="BI46" s="414"/>
      <c r="BJ46" s="280"/>
      <c r="BK46" s="380"/>
      <c r="BL46" s="381"/>
      <c r="BM46" s="381"/>
      <c r="BN46" s="381"/>
      <c r="BO46" s="381"/>
      <c r="BP46" s="381"/>
      <c r="BQ46" s="381"/>
      <c r="BR46" s="381"/>
      <c r="BS46" s="381"/>
      <c r="BT46" s="416" t="s">
        <v>997</v>
      </c>
      <c r="BU46" s="416"/>
      <c r="BV46" s="416"/>
      <c r="BW46" s="415"/>
      <c r="BX46" s="415"/>
      <c r="BY46" s="415"/>
      <c r="BZ46" s="415"/>
      <c r="CA46" s="415"/>
      <c r="CB46" s="415"/>
      <c r="CC46" s="416" t="s">
        <v>999</v>
      </c>
      <c r="CD46" s="416"/>
      <c r="CE46" s="416"/>
      <c r="CF46" s="415"/>
      <c r="CG46" s="415"/>
      <c r="CH46" s="415"/>
      <c r="CI46" s="415"/>
      <c r="CJ46" s="415"/>
      <c r="CK46" s="415"/>
      <c r="CL46" s="413" t="s">
        <v>998</v>
      </c>
      <c r="CM46" s="413"/>
      <c r="CN46" s="414"/>
      <c r="CQ46" s="160">
        <v>24</v>
      </c>
      <c r="CR46" s="307"/>
    </row>
    <row r="47" spans="1:97" s="359" customFormat="1" ht="15.6" x14ac:dyDescent="0.2">
      <c r="A47" s="356"/>
      <c r="B47" s="356"/>
      <c r="C47" s="356"/>
      <c r="D47" s="356"/>
      <c r="E47" s="356"/>
      <c r="F47" s="356"/>
      <c r="G47" s="356"/>
      <c r="H47" s="356"/>
      <c r="I47" s="356"/>
      <c r="J47" s="356"/>
      <c r="K47" s="356"/>
      <c r="L47" s="356"/>
      <c r="M47" s="356"/>
      <c r="N47" s="356"/>
      <c r="O47" s="356"/>
      <c r="P47" s="356"/>
      <c r="Q47" s="356"/>
      <c r="R47" s="356"/>
      <c r="S47" s="356"/>
      <c r="T47" s="356"/>
      <c r="U47" s="356"/>
      <c r="V47" s="356"/>
      <c r="W47" s="356"/>
      <c r="X47" s="356"/>
      <c r="Y47" s="356"/>
      <c r="Z47" s="356"/>
      <c r="AA47" s="356"/>
      <c r="AB47" s="356"/>
      <c r="AC47" s="356"/>
      <c r="AD47" s="356"/>
      <c r="AE47" s="356"/>
      <c r="AF47" s="417" t="str">
        <f>IF(OR(AF46="",AR46=""),"",IF(DATE(AF46,AR46,BA46)&lt;=EOMONTH(DATE(AF46,AR46,1), 0),"","日付をご確認ください↑"))</f>
        <v/>
      </c>
      <c r="AG47" s="417"/>
      <c r="AH47" s="417"/>
      <c r="AI47" s="417"/>
      <c r="AJ47" s="417"/>
      <c r="AK47" s="417"/>
      <c r="AL47" s="417"/>
      <c r="AM47" s="417"/>
      <c r="AN47" s="417"/>
      <c r="AO47" s="417"/>
      <c r="AP47" s="417"/>
      <c r="AQ47" s="417"/>
      <c r="AR47" s="417"/>
      <c r="AS47" s="417"/>
      <c r="AT47" s="417"/>
      <c r="AU47" s="417"/>
      <c r="AV47" s="417"/>
      <c r="AW47" s="417"/>
      <c r="AX47" s="417"/>
      <c r="AY47" s="417"/>
      <c r="AZ47" s="417"/>
      <c r="BA47" s="417"/>
      <c r="BB47" s="417"/>
      <c r="BC47" s="417"/>
      <c r="BD47" s="417"/>
      <c r="BE47" s="417"/>
      <c r="BF47" s="417"/>
      <c r="BG47" s="417"/>
      <c r="BH47" s="417"/>
      <c r="BI47" s="417"/>
      <c r="BJ47" s="357"/>
      <c r="BK47" s="417" t="str">
        <f>IF(OR(BK46="",BW46=""),"",IF(DATE(BK46,BW46,CF46)&lt;=EOMONTH(DATE(BK46,BW46,1), 0),"","日付をご確認ください↑"))</f>
        <v/>
      </c>
      <c r="BL47" s="417"/>
      <c r="BM47" s="417"/>
      <c r="BN47" s="417"/>
      <c r="BO47" s="417"/>
      <c r="BP47" s="417"/>
      <c r="BQ47" s="417"/>
      <c r="BR47" s="417"/>
      <c r="BS47" s="417"/>
      <c r="BT47" s="417"/>
      <c r="BU47" s="417"/>
      <c r="BV47" s="417"/>
      <c r="BW47" s="417"/>
      <c r="BX47" s="417"/>
      <c r="BY47" s="417"/>
      <c r="BZ47" s="417"/>
      <c r="CA47" s="417"/>
      <c r="CB47" s="417"/>
      <c r="CC47" s="417"/>
      <c r="CD47" s="417"/>
      <c r="CE47" s="417"/>
      <c r="CF47" s="417"/>
      <c r="CG47" s="417"/>
      <c r="CH47" s="417"/>
      <c r="CI47" s="417"/>
      <c r="CJ47" s="417"/>
      <c r="CK47" s="417"/>
      <c r="CL47" s="417"/>
      <c r="CM47" s="417"/>
      <c r="CN47" s="417"/>
      <c r="CO47" s="358"/>
      <c r="CP47" s="358"/>
      <c r="CQ47" s="158"/>
      <c r="CR47" s="306"/>
    </row>
    <row r="48" spans="1:97" s="359" customFormat="1" ht="29.4" customHeight="1" x14ac:dyDescent="0.2">
      <c r="A48" s="356"/>
      <c r="B48" s="356"/>
      <c r="C48" s="356"/>
      <c r="D48" s="356"/>
      <c r="E48" s="356"/>
      <c r="F48" s="356"/>
      <c r="G48" s="356"/>
      <c r="H48" s="356"/>
      <c r="I48" s="356"/>
      <c r="J48" s="356"/>
      <c r="K48" s="356"/>
      <c r="L48" s="356"/>
      <c r="M48" s="356"/>
      <c r="N48" s="356"/>
      <c r="O48" s="356"/>
      <c r="P48" s="356"/>
      <c r="Q48" s="356"/>
      <c r="R48" s="356"/>
      <c r="S48" s="356"/>
      <c r="T48" s="356"/>
      <c r="U48" s="356"/>
      <c r="V48" s="356"/>
      <c r="W48" s="356"/>
      <c r="X48" s="356"/>
      <c r="Y48" s="356"/>
      <c r="Z48" s="407" t="str">
        <f>IFERROR(IF(OR(BK46="",BW46="",CF46=""),"",IF(DATE(AF46,AR46,BA46)&lt;=DATE(BK46,BW46,CF46),"","交付決定日より前に工事契約をした場合、補助金の支払いができません。↑")),"")</f>
        <v/>
      </c>
      <c r="AA48" s="407"/>
      <c r="AB48" s="407"/>
      <c r="AC48" s="407"/>
      <c r="AD48" s="407"/>
      <c r="AE48" s="407"/>
      <c r="AF48" s="407"/>
      <c r="AG48" s="407"/>
      <c r="AH48" s="407"/>
      <c r="AI48" s="407"/>
      <c r="AJ48" s="407"/>
      <c r="AK48" s="407"/>
      <c r="AL48" s="407"/>
      <c r="AM48" s="407"/>
      <c r="AN48" s="407"/>
      <c r="AO48" s="407"/>
      <c r="AP48" s="407"/>
      <c r="AQ48" s="407"/>
      <c r="AR48" s="407"/>
      <c r="AS48" s="407"/>
      <c r="AT48" s="407"/>
      <c r="AU48" s="407"/>
      <c r="AV48" s="407"/>
      <c r="AW48" s="407"/>
      <c r="AX48" s="407"/>
      <c r="AY48" s="407"/>
      <c r="AZ48" s="407"/>
      <c r="BA48" s="407"/>
      <c r="BB48" s="407"/>
      <c r="BC48" s="407"/>
      <c r="BD48" s="407"/>
      <c r="BE48" s="407"/>
      <c r="BF48" s="407"/>
      <c r="BG48" s="407"/>
      <c r="BH48" s="407"/>
      <c r="BI48" s="407"/>
      <c r="BJ48" s="407"/>
      <c r="BK48" s="407"/>
      <c r="BL48" s="407"/>
      <c r="BM48" s="407"/>
      <c r="BN48" s="407"/>
      <c r="BO48" s="407"/>
      <c r="BP48" s="407"/>
      <c r="BQ48" s="407"/>
      <c r="BR48" s="407"/>
      <c r="BS48" s="407"/>
      <c r="BT48" s="407"/>
      <c r="BU48" s="407"/>
      <c r="BV48" s="407"/>
      <c r="BW48" s="407"/>
      <c r="BX48" s="407"/>
      <c r="BY48" s="407"/>
      <c r="BZ48" s="407"/>
      <c r="CA48" s="407"/>
      <c r="CB48" s="407"/>
      <c r="CC48" s="407"/>
      <c r="CD48" s="407"/>
      <c r="CE48" s="407"/>
      <c r="CF48" s="407"/>
      <c r="CG48" s="407"/>
      <c r="CH48" s="407"/>
      <c r="CI48" s="407"/>
      <c r="CJ48" s="407"/>
      <c r="CK48" s="407"/>
      <c r="CL48" s="407"/>
      <c r="CM48" s="407"/>
      <c r="CN48" s="407"/>
      <c r="CO48" s="358"/>
      <c r="CP48" s="358"/>
      <c r="CQ48" s="158"/>
      <c r="CR48" s="306"/>
    </row>
    <row r="49" spans="1:97" ht="16.2" customHeight="1" thickBot="1" x14ac:dyDescent="0.25">
      <c r="A49" s="370" t="s">
        <v>954</v>
      </c>
      <c r="B49" s="370"/>
      <c r="C49" s="370"/>
      <c r="D49" s="370"/>
      <c r="E49" s="370"/>
      <c r="F49" s="370"/>
      <c r="G49" s="370"/>
      <c r="H49" s="370"/>
      <c r="I49" s="370"/>
      <c r="J49" s="370"/>
      <c r="K49" s="370"/>
      <c r="L49" s="370"/>
      <c r="M49" s="370"/>
      <c r="N49" s="370"/>
      <c r="O49" s="370"/>
      <c r="P49" s="370"/>
      <c r="Q49" s="370"/>
      <c r="R49" s="370"/>
      <c r="S49" s="370"/>
      <c r="T49" s="370"/>
      <c r="U49" s="370"/>
      <c r="V49" s="370"/>
      <c r="W49" s="370"/>
      <c r="X49" s="370"/>
      <c r="Y49" s="429"/>
      <c r="Z49" s="429"/>
      <c r="AA49" s="429"/>
      <c r="AB49" s="429"/>
      <c r="AC49" s="429"/>
      <c r="AD49" s="429"/>
      <c r="AE49" s="429"/>
      <c r="AF49" s="429"/>
      <c r="AG49" s="429"/>
      <c r="AH49" s="429"/>
      <c r="AI49" s="429"/>
      <c r="AJ49" s="429"/>
      <c r="AK49" s="429"/>
      <c r="AL49" s="429"/>
      <c r="AM49" s="429"/>
      <c r="AN49" s="429"/>
      <c r="AO49" s="429"/>
      <c r="AP49" s="429"/>
      <c r="AQ49" s="429"/>
      <c r="AR49" s="429"/>
      <c r="AS49" s="429"/>
      <c r="AT49" s="429"/>
      <c r="AU49" s="429"/>
      <c r="AV49" s="429"/>
      <c r="AW49" s="429"/>
      <c r="AX49" s="429"/>
      <c r="AY49" s="429"/>
      <c r="AZ49" s="429"/>
      <c r="BA49" s="429"/>
      <c r="BB49" s="429"/>
      <c r="BC49" s="429"/>
      <c r="BD49" s="429"/>
      <c r="BE49" s="429"/>
      <c r="BF49" s="429"/>
      <c r="BG49" s="429"/>
      <c r="BH49" s="429"/>
      <c r="BI49" s="429"/>
      <c r="BJ49" s="429"/>
      <c r="BK49" s="429"/>
      <c r="BL49" s="429"/>
      <c r="BM49" s="429"/>
      <c r="BN49" s="429"/>
      <c r="BO49" s="429"/>
      <c r="BP49" s="430"/>
      <c r="BQ49" s="430"/>
      <c r="BR49" s="430"/>
      <c r="BS49" s="430"/>
      <c r="BT49" s="430"/>
      <c r="BU49" s="430"/>
      <c r="BV49" s="430"/>
      <c r="BW49" s="430"/>
      <c r="BX49" s="430"/>
      <c r="BY49" s="430"/>
      <c r="BZ49" s="430"/>
      <c r="CA49" s="430"/>
      <c r="CB49" s="430"/>
      <c r="CC49" s="430"/>
      <c r="CD49" s="430"/>
      <c r="CE49" s="430"/>
      <c r="CF49" s="430"/>
      <c r="CG49" s="430"/>
      <c r="CH49" s="430"/>
      <c r="CI49" s="430"/>
      <c r="CJ49" s="430"/>
      <c r="CK49" s="430"/>
      <c r="CL49" s="430"/>
      <c r="CM49" s="430"/>
      <c r="CN49" s="430"/>
      <c r="CO49" s="254"/>
      <c r="CP49" s="254"/>
      <c r="CQ49" s="160" t="s">
        <v>657</v>
      </c>
      <c r="CR49" s="308" t="s">
        <v>654</v>
      </c>
      <c r="CS49" s="26"/>
    </row>
    <row r="50" spans="1:97" ht="38.4" customHeight="1" thickBot="1" x14ac:dyDescent="0.25">
      <c r="A50" s="380"/>
      <c r="B50" s="381"/>
      <c r="C50" s="381"/>
      <c r="D50" s="381"/>
      <c r="E50" s="381"/>
      <c r="F50" s="381"/>
      <c r="G50" s="381"/>
      <c r="H50" s="381"/>
      <c r="I50" s="381"/>
      <c r="J50" s="382" t="s">
        <v>6</v>
      </c>
      <c r="K50" s="382"/>
      <c r="L50" s="382"/>
      <c r="M50" s="382"/>
      <c r="N50" s="382"/>
      <c r="O50" s="381"/>
      <c r="P50" s="381"/>
      <c r="Q50" s="381"/>
      <c r="R50" s="381"/>
      <c r="S50" s="381"/>
      <c r="T50" s="383" t="s">
        <v>163</v>
      </c>
      <c r="U50" s="383"/>
      <c r="V50" s="383"/>
      <c r="W50" s="383"/>
      <c r="X50" s="381"/>
      <c r="Y50" s="381"/>
      <c r="Z50" s="381"/>
      <c r="AA50" s="381"/>
      <c r="AB50" s="381"/>
      <c r="AC50" s="383" t="s">
        <v>4</v>
      </c>
      <c r="AD50" s="383"/>
      <c r="AE50" s="383"/>
      <c r="AF50" s="383"/>
      <c r="AG50" s="292"/>
      <c r="AH50" s="278"/>
      <c r="AI50" s="278"/>
      <c r="AJ50" s="384"/>
      <c r="AK50" s="384"/>
      <c r="AL50" s="384"/>
      <c r="AM50" s="384"/>
      <c r="AN50" s="384"/>
      <c r="AO50" s="385"/>
      <c r="AP50" s="385"/>
      <c r="AQ50" s="385"/>
      <c r="AR50" s="385"/>
      <c r="AS50" s="278"/>
      <c r="AT50" s="278"/>
      <c r="AU50" s="293"/>
      <c r="AV50" s="293"/>
      <c r="AW50" s="293"/>
      <c r="AX50" s="293"/>
      <c r="AY50" s="293"/>
      <c r="AZ50" s="293"/>
      <c r="BA50" s="293"/>
      <c r="BB50" s="293"/>
      <c r="BC50" s="293"/>
      <c r="BD50" s="293"/>
      <c r="BE50" s="293"/>
      <c r="BF50" s="293"/>
      <c r="BG50" s="293"/>
      <c r="BH50" s="293"/>
      <c r="BI50" s="294"/>
      <c r="BJ50" s="294"/>
      <c r="BK50" s="294"/>
      <c r="BL50" s="294"/>
      <c r="BM50" s="294"/>
      <c r="BN50" s="294"/>
      <c r="BO50" s="293"/>
      <c r="BP50" s="144"/>
      <c r="BQ50" s="253"/>
      <c r="BR50" s="253"/>
      <c r="BS50" s="253"/>
      <c r="BT50" s="253"/>
      <c r="BU50" s="253"/>
      <c r="BV50" s="253"/>
      <c r="BW50" s="253"/>
      <c r="BX50" s="253"/>
      <c r="BY50" s="253"/>
      <c r="BZ50" s="253"/>
      <c r="CA50" s="253"/>
      <c r="CB50" s="253"/>
      <c r="CC50" s="253"/>
      <c r="CD50" s="253"/>
      <c r="CE50" s="253"/>
      <c r="CF50" s="253"/>
      <c r="CG50" s="253"/>
      <c r="CH50" s="253"/>
      <c r="CI50" s="253"/>
      <c r="CJ50" s="253"/>
      <c r="CK50" s="253"/>
      <c r="CL50" s="253"/>
      <c r="CM50" s="253"/>
      <c r="CN50" s="253"/>
      <c r="CO50" s="253"/>
      <c r="CP50" s="253"/>
      <c r="CQ50" s="160">
        <v>25</v>
      </c>
      <c r="CR50" s="307"/>
    </row>
    <row r="51" spans="1:97" s="359" customFormat="1" ht="15.6" x14ac:dyDescent="0.2">
      <c r="A51" s="405" t="str">
        <f>IF(OR(A50="",O50=""),"",IF(DATE(A50,O50,X50)&lt;=EOMONTH(DATE(A50,O50,1), 0),"","日付をご確認ください↑"))</f>
        <v/>
      </c>
      <c r="B51" s="405"/>
      <c r="C51" s="405"/>
      <c r="D51" s="405"/>
      <c r="E51" s="405"/>
      <c r="F51" s="405"/>
      <c r="G51" s="405"/>
      <c r="H51" s="405"/>
      <c r="I51" s="405"/>
      <c r="J51" s="405"/>
      <c r="K51" s="405"/>
      <c r="L51" s="405"/>
      <c r="M51" s="405"/>
      <c r="N51" s="405"/>
      <c r="O51" s="405"/>
      <c r="P51" s="405"/>
      <c r="Q51" s="405"/>
      <c r="R51" s="405"/>
      <c r="S51" s="405"/>
      <c r="T51" s="405"/>
      <c r="U51" s="405"/>
      <c r="V51" s="405"/>
      <c r="W51" s="405"/>
      <c r="X51" s="405"/>
      <c r="Y51" s="405"/>
      <c r="Z51" s="405"/>
      <c r="AA51" s="405"/>
      <c r="AB51" s="405"/>
      <c r="AC51" s="405"/>
      <c r="AD51" s="405"/>
      <c r="AE51" s="405"/>
      <c r="AF51" s="405"/>
      <c r="AG51" s="360"/>
      <c r="AH51" s="360"/>
      <c r="AI51" s="360"/>
      <c r="AJ51" s="361"/>
      <c r="AK51" s="361"/>
      <c r="AL51" s="361"/>
      <c r="AM51" s="361"/>
      <c r="AN51" s="361"/>
      <c r="AO51" s="360"/>
      <c r="AP51" s="360"/>
      <c r="AQ51" s="360"/>
      <c r="AR51" s="360"/>
      <c r="AS51" s="362"/>
      <c r="AT51" s="362"/>
      <c r="BI51" s="357"/>
      <c r="BJ51" s="357"/>
      <c r="BK51" s="357"/>
      <c r="BL51" s="357"/>
      <c r="BM51" s="357"/>
      <c r="BN51" s="357"/>
      <c r="BP51" s="357"/>
      <c r="BQ51" s="358"/>
      <c r="BR51" s="358"/>
      <c r="BS51" s="358"/>
      <c r="BT51" s="358"/>
      <c r="BU51" s="358"/>
      <c r="BV51" s="358"/>
      <c r="BW51" s="358"/>
      <c r="BX51" s="358"/>
      <c r="BY51" s="358"/>
      <c r="BZ51" s="358"/>
      <c r="CA51" s="358"/>
      <c r="CB51" s="358"/>
      <c r="CC51" s="358"/>
      <c r="CD51" s="358"/>
      <c r="CE51" s="358"/>
      <c r="CF51" s="358"/>
      <c r="CG51" s="358"/>
      <c r="CH51" s="358"/>
      <c r="CI51" s="358"/>
      <c r="CJ51" s="358"/>
      <c r="CK51" s="358"/>
      <c r="CL51" s="358"/>
      <c r="CM51" s="358"/>
      <c r="CN51" s="358"/>
      <c r="CO51" s="358"/>
      <c r="CP51" s="358"/>
      <c r="CQ51" s="158"/>
      <c r="CR51" s="306"/>
    </row>
    <row r="52" spans="1:97" ht="15.6" x14ac:dyDescent="0.2">
      <c r="A52" s="404"/>
      <c r="B52" s="404"/>
      <c r="C52" s="404"/>
      <c r="D52" s="404"/>
      <c r="E52" s="404"/>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254"/>
      <c r="AH52" s="254"/>
      <c r="AI52" s="254"/>
      <c r="AJ52" s="268"/>
      <c r="AK52" s="268"/>
      <c r="AL52" s="268"/>
      <c r="AM52" s="268"/>
      <c r="AN52" s="268"/>
      <c r="AO52" s="254"/>
      <c r="AP52" s="254"/>
      <c r="AQ52" s="254"/>
      <c r="AR52" s="254"/>
      <c r="AS52" s="65"/>
      <c r="AT52" s="65"/>
      <c r="BI52" s="144"/>
      <c r="BJ52" s="144"/>
      <c r="BK52" s="144"/>
      <c r="BL52" s="144"/>
      <c r="BM52" s="144"/>
      <c r="BN52" s="144"/>
      <c r="BP52" s="144"/>
      <c r="BQ52" s="253"/>
      <c r="BR52" s="253"/>
      <c r="BS52" s="253"/>
      <c r="BT52" s="253"/>
      <c r="BU52" s="253"/>
      <c r="BV52" s="253"/>
      <c r="BW52" s="253"/>
      <c r="BX52" s="253"/>
      <c r="BY52" s="253"/>
      <c r="BZ52" s="253"/>
      <c r="CA52" s="253"/>
      <c r="CB52" s="253"/>
      <c r="CC52" s="253"/>
      <c r="CD52" s="253"/>
      <c r="CE52" s="253"/>
      <c r="CF52" s="253"/>
      <c r="CG52" s="253"/>
      <c r="CH52" s="253"/>
      <c r="CI52" s="253"/>
      <c r="CJ52" s="253"/>
      <c r="CK52" s="253"/>
      <c r="CL52" s="253"/>
      <c r="CM52" s="253"/>
      <c r="CN52" s="253"/>
      <c r="CO52" s="253"/>
      <c r="CP52" s="253"/>
    </row>
    <row r="53" spans="1:97" ht="16.8" customHeight="1" thickBot="1" x14ac:dyDescent="0.25">
      <c r="A53" s="370" t="s">
        <v>955</v>
      </c>
      <c r="B53" s="370"/>
      <c r="C53" s="370"/>
      <c r="D53" s="370"/>
      <c r="E53" s="370"/>
      <c r="F53" s="370"/>
      <c r="G53" s="370"/>
      <c r="H53" s="370"/>
      <c r="I53" s="370"/>
      <c r="J53" s="370"/>
      <c r="K53" s="370"/>
      <c r="L53" s="370"/>
      <c r="M53" s="370"/>
      <c r="N53" s="370"/>
      <c r="O53" s="370"/>
      <c r="P53" s="370"/>
      <c r="Q53" s="370"/>
      <c r="R53" s="370"/>
      <c r="S53" s="370"/>
      <c r="T53" s="370"/>
      <c r="U53" s="370"/>
      <c r="V53" s="370"/>
      <c r="W53" s="370"/>
      <c r="X53" s="370"/>
      <c r="Y53" s="278"/>
      <c r="Z53" s="278"/>
      <c r="AA53" s="278"/>
      <c r="AB53" s="278"/>
      <c r="AC53" s="293"/>
      <c r="AD53" s="293"/>
      <c r="AE53" s="293"/>
      <c r="AF53" s="293"/>
      <c r="AG53" s="293"/>
      <c r="AH53" s="293"/>
      <c r="AI53" s="293"/>
      <c r="AJ53" s="293"/>
      <c r="AK53" s="293"/>
      <c r="AL53" s="293"/>
      <c r="AM53" s="293"/>
      <c r="AN53" s="293"/>
      <c r="AO53" s="293"/>
      <c r="AP53" s="293"/>
      <c r="AQ53" s="293"/>
      <c r="AR53" s="293"/>
      <c r="AS53" s="293"/>
      <c r="AT53" s="293"/>
      <c r="AU53" s="293"/>
      <c r="AV53" s="293"/>
      <c r="AW53" s="293"/>
      <c r="AX53" s="293"/>
      <c r="AY53" s="293"/>
      <c r="AZ53" s="293"/>
      <c r="BA53" s="293"/>
      <c r="BB53" s="293"/>
      <c r="BC53" s="293"/>
      <c r="BD53" s="293"/>
      <c r="BE53" s="293"/>
      <c r="BF53" s="293"/>
      <c r="BG53" s="293"/>
      <c r="BH53" s="293"/>
      <c r="BI53" s="293"/>
      <c r="BJ53" s="293"/>
      <c r="BK53" s="293"/>
      <c r="BL53" s="293"/>
      <c r="BM53" s="293"/>
      <c r="BN53" s="295"/>
      <c r="BO53" s="295"/>
      <c r="BP53" s="295"/>
      <c r="BQ53" s="295"/>
      <c r="BR53" s="295"/>
      <c r="BS53" s="295"/>
      <c r="BT53" s="295"/>
      <c r="BU53" s="295"/>
      <c r="BV53" s="295"/>
      <c r="BW53" s="295"/>
      <c r="BX53" s="295"/>
      <c r="BY53" s="295"/>
      <c r="BZ53" s="295"/>
      <c r="CA53" s="295"/>
      <c r="CB53" s="295"/>
      <c r="CC53" s="295"/>
      <c r="CD53" s="295"/>
      <c r="CE53" s="295"/>
      <c r="CF53" s="295"/>
      <c r="CG53" s="295"/>
      <c r="CH53" s="295"/>
      <c r="CI53" s="295"/>
      <c r="CJ53" s="295"/>
      <c r="CK53" s="293"/>
      <c r="CL53" s="293"/>
      <c r="CM53" s="293"/>
      <c r="CN53" s="293"/>
      <c r="CO53" s="293"/>
      <c r="CS53" s="26"/>
    </row>
    <row r="54" spans="1:97" ht="16.8" hidden="1" customHeight="1" thickBot="1" x14ac:dyDescent="0.25">
      <c r="A54" s="371" t="s">
        <v>956</v>
      </c>
      <c r="B54" s="371"/>
      <c r="C54" s="371"/>
      <c r="D54" s="371"/>
      <c r="E54" s="371"/>
      <c r="F54" s="371"/>
      <c r="G54" s="371"/>
      <c r="H54" s="371"/>
      <c r="I54" s="371"/>
      <c r="J54" s="371"/>
      <c r="K54" s="371"/>
      <c r="L54" s="371"/>
      <c r="M54" s="371"/>
      <c r="N54" s="371"/>
      <c r="O54" s="371"/>
      <c r="P54" s="371"/>
      <c r="Q54" s="371"/>
      <c r="R54" s="371"/>
      <c r="S54" s="371"/>
      <c r="T54" s="371"/>
      <c r="U54" s="371"/>
      <c r="V54" s="371"/>
      <c r="W54" s="371"/>
      <c r="X54" s="371"/>
      <c r="Y54" s="371"/>
      <c r="Z54" s="371"/>
      <c r="AA54" s="371"/>
      <c r="AB54" s="371"/>
      <c r="AC54" s="371"/>
      <c r="AD54" s="371"/>
      <c r="AE54" s="371"/>
      <c r="AF54" s="371"/>
      <c r="AG54" s="371"/>
      <c r="AH54" s="371"/>
      <c r="AI54" s="371"/>
      <c r="AJ54" s="371"/>
      <c r="AK54" s="371"/>
      <c r="AL54" s="371"/>
      <c r="AM54" s="371"/>
      <c r="AN54" s="371"/>
      <c r="AO54" s="371"/>
      <c r="AP54" s="371"/>
      <c r="AQ54" s="371"/>
      <c r="AR54" s="371"/>
      <c r="AS54" s="371"/>
      <c r="AT54" s="371"/>
      <c r="AU54" s="371"/>
      <c r="AV54" s="371"/>
      <c r="AW54" s="371"/>
      <c r="AX54" s="371"/>
      <c r="AY54" s="371"/>
      <c r="AZ54" s="371"/>
      <c r="BA54" s="371"/>
      <c r="BB54" s="371"/>
      <c r="BC54" s="371"/>
      <c r="BD54" s="371"/>
      <c r="BE54" s="371"/>
      <c r="BF54" s="371"/>
      <c r="BG54" s="371"/>
      <c r="BH54" s="371"/>
      <c r="BI54" s="371"/>
      <c r="BJ54" s="371"/>
      <c r="BK54" s="371"/>
      <c r="BL54" s="371"/>
      <c r="BM54" s="371"/>
      <c r="BN54" s="371"/>
      <c r="BO54" s="371"/>
      <c r="BP54" s="371"/>
      <c r="BQ54" s="371"/>
      <c r="BR54" s="371"/>
      <c r="BS54" s="371"/>
      <c r="BT54" s="371"/>
      <c r="BU54" s="371"/>
      <c r="BV54" s="371"/>
      <c r="BW54" s="371"/>
      <c r="BX54" s="371"/>
      <c r="BY54" s="371"/>
      <c r="BZ54" s="371"/>
      <c r="CA54" s="371"/>
      <c r="CB54" s="371"/>
      <c r="CC54" s="371"/>
      <c r="CD54" s="371"/>
      <c r="CE54" s="371"/>
      <c r="CF54" s="371"/>
      <c r="CG54" s="371"/>
      <c r="CH54" s="371"/>
      <c r="CI54" s="371"/>
      <c r="CJ54" s="371"/>
      <c r="CK54" s="371"/>
      <c r="CL54" s="371"/>
      <c r="CM54" s="371"/>
      <c r="CN54" s="371"/>
      <c r="CO54" s="371"/>
      <c r="CQ54" s="160" t="s">
        <v>657</v>
      </c>
      <c r="CR54" s="308" t="s">
        <v>654</v>
      </c>
      <c r="CS54" s="26"/>
    </row>
    <row r="55" spans="1:97" ht="43.2" hidden="1" customHeight="1" thickBot="1" x14ac:dyDescent="0.25">
      <c r="A55" s="372"/>
      <c r="B55" s="373"/>
      <c r="C55" s="373"/>
      <c r="D55" s="373"/>
      <c r="E55" s="373"/>
      <c r="F55" s="373"/>
      <c r="G55" s="373"/>
      <c r="H55" s="373"/>
      <c r="I55" s="373"/>
      <c r="J55" s="373"/>
      <c r="K55" s="373"/>
      <c r="L55" s="373"/>
      <c r="M55" s="373"/>
      <c r="N55" s="373"/>
      <c r="O55" s="373"/>
      <c r="P55" s="373"/>
      <c r="Q55" s="373"/>
      <c r="R55" s="373"/>
      <c r="S55" s="373"/>
      <c r="T55" s="373"/>
      <c r="U55" s="373"/>
      <c r="V55" s="373"/>
      <c r="W55" s="373"/>
      <c r="X55" s="373"/>
      <c r="Y55" s="373"/>
      <c r="Z55" s="373"/>
      <c r="AA55" s="373"/>
      <c r="AB55" s="373"/>
      <c r="AC55" s="373"/>
      <c r="AD55" s="373"/>
      <c r="AE55" s="373"/>
      <c r="AF55" s="373"/>
      <c r="AG55" s="373"/>
      <c r="AH55" s="373"/>
      <c r="AI55" s="373"/>
      <c r="AJ55" s="373"/>
      <c r="AK55" s="373"/>
      <c r="AL55" s="373"/>
      <c r="AM55" s="373"/>
      <c r="AN55" s="373"/>
      <c r="AO55" s="373"/>
      <c r="AP55" s="373"/>
      <c r="AQ55" s="374"/>
      <c r="AR55" s="375" t="s">
        <v>144</v>
      </c>
      <c r="AS55" s="375"/>
      <c r="AT55" s="375"/>
      <c r="AU55" s="375"/>
      <c r="AV55" s="375"/>
      <c r="AW55" s="375"/>
      <c r="AX55" s="375"/>
      <c r="AY55" s="375"/>
      <c r="AZ55" s="375"/>
      <c r="BA55" s="375"/>
      <c r="BB55" s="375"/>
      <c r="BC55" s="375"/>
      <c r="BD55" s="375"/>
      <c r="BE55" s="375"/>
      <c r="BF55" s="375"/>
      <c r="BG55" s="375"/>
      <c r="BH55" s="375"/>
      <c r="BI55" s="375"/>
      <c r="BJ55" s="375"/>
      <c r="BK55" s="375"/>
      <c r="BL55" s="375"/>
      <c r="BM55" s="375"/>
      <c r="BN55" s="375"/>
      <c r="BO55" s="375"/>
      <c r="BP55" s="375"/>
      <c r="BQ55" s="295"/>
      <c r="BR55" s="295"/>
      <c r="BS55" s="295"/>
      <c r="BT55" s="295"/>
      <c r="BU55" s="295"/>
      <c r="BV55" s="295"/>
      <c r="BW55" s="295"/>
      <c r="BX55" s="295"/>
      <c r="BY55" s="295"/>
      <c r="BZ55" s="295"/>
      <c r="CA55" s="295"/>
      <c r="CB55" s="295"/>
      <c r="CC55" s="295"/>
      <c r="CD55" s="295"/>
      <c r="CE55" s="295"/>
      <c r="CF55" s="295"/>
      <c r="CG55" s="295"/>
      <c r="CH55" s="295"/>
      <c r="CI55" s="295"/>
      <c r="CJ55" s="295"/>
      <c r="CK55" s="293"/>
      <c r="CL55" s="293"/>
      <c r="CM55" s="293"/>
      <c r="CN55" s="293"/>
      <c r="CO55" s="293"/>
      <c r="CQ55" s="160">
        <v>26</v>
      </c>
      <c r="CR55" s="308"/>
      <c r="CS55" s="26"/>
    </row>
    <row r="56" spans="1:97" ht="6.6" hidden="1" customHeight="1" x14ac:dyDescent="0.2">
      <c r="A56" s="296"/>
      <c r="B56" s="296"/>
      <c r="C56" s="296"/>
      <c r="D56" s="296"/>
      <c r="E56" s="296"/>
      <c r="F56" s="296"/>
      <c r="G56" s="296"/>
      <c r="H56" s="296"/>
      <c r="I56" s="296"/>
      <c r="J56" s="296"/>
      <c r="K56" s="296"/>
      <c r="L56" s="296"/>
      <c r="M56" s="296"/>
      <c r="N56" s="296"/>
      <c r="O56" s="296"/>
      <c r="P56" s="296"/>
      <c r="Q56" s="296"/>
      <c r="R56" s="296"/>
      <c r="S56" s="296"/>
      <c r="T56" s="296"/>
      <c r="U56" s="296"/>
      <c r="V56" s="296"/>
      <c r="W56" s="296"/>
      <c r="X56" s="296"/>
      <c r="Y56" s="296"/>
      <c r="Z56" s="296"/>
      <c r="AA56" s="296"/>
      <c r="AB56" s="296"/>
      <c r="AC56" s="296"/>
      <c r="AD56" s="296"/>
      <c r="AE56" s="296"/>
      <c r="AF56" s="296"/>
      <c r="AG56" s="296"/>
      <c r="AH56" s="296"/>
      <c r="AI56" s="296"/>
      <c r="AJ56" s="296"/>
      <c r="AK56" s="296"/>
      <c r="AL56" s="296"/>
      <c r="AM56" s="296"/>
      <c r="AN56" s="296"/>
      <c r="AO56" s="296"/>
      <c r="AP56" s="296"/>
      <c r="AQ56" s="296"/>
      <c r="AR56" s="297"/>
      <c r="AS56" s="297"/>
      <c r="AT56" s="297"/>
      <c r="AU56" s="297"/>
      <c r="AV56" s="297"/>
      <c r="AW56" s="297"/>
      <c r="AX56" s="297"/>
      <c r="AY56" s="297"/>
      <c r="AZ56" s="297"/>
      <c r="BA56" s="297"/>
      <c r="BB56" s="297"/>
      <c r="BC56" s="297"/>
      <c r="BD56" s="297"/>
      <c r="BE56" s="297"/>
      <c r="BF56" s="297"/>
      <c r="BG56" s="297"/>
      <c r="BH56" s="297"/>
      <c r="BI56" s="297"/>
      <c r="BJ56" s="297"/>
      <c r="BK56" s="297"/>
      <c r="BL56" s="297"/>
      <c r="BM56" s="297"/>
      <c r="BN56" s="297"/>
      <c r="BO56" s="297"/>
      <c r="BP56" s="297"/>
      <c r="BQ56" s="295"/>
      <c r="BR56" s="295"/>
      <c r="BS56" s="295"/>
      <c r="BT56" s="295"/>
      <c r="BU56" s="295"/>
      <c r="BV56" s="295"/>
      <c r="BW56" s="295"/>
      <c r="BX56" s="295"/>
      <c r="BY56" s="295"/>
      <c r="BZ56" s="295"/>
      <c r="CA56" s="295"/>
      <c r="CB56" s="295"/>
      <c r="CC56" s="295"/>
      <c r="CD56" s="295"/>
      <c r="CE56" s="295"/>
      <c r="CF56" s="295"/>
      <c r="CG56" s="295"/>
      <c r="CH56" s="295"/>
      <c r="CI56" s="295"/>
      <c r="CJ56" s="295"/>
      <c r="CK56" s="293"/>
      <c r="CL56" s="293"/>
      <c r="CM56" s="293"/>
      <c r="CN56" s="293"/>
      <c r="CO56" s="293"/>
      <c r="CS56" s="26"/>
    </row>
    <row r="57" spans="1:97" ht="17.25" hidden="1" customHeight="1" thickBot="1" x14ac:dyDescent="0.25">
      <c r="A57" s="371" t="s">
        <v>972</v>
      </c>
      <c r="B57" s="371"/>
      <c r="C57" s="371"/>
      <c r="D57" s="371"/>
      <c r="E57" s="371"/>
      <c r="F57" s="371"/>
      <c r="G57" s="371"/>
      <c r="H57" s="371"/>
      <c r="I57" s="371"/>
      <c r="J57" s="371"/>
      <c r="K57" s="371"/>
      <c r="L57" s="371"/>
      <c r="M57" s="371"/>
      <c r="N57" s="371"/>
      <c r="O57" s="371"/>
      <c r="P57" s="371"/>
      <c r="Q57" s="371"/>
      <c r="R57" s="371"/>
      <c r="S57" s="371"/>
      <c r="T57" s="371"/>
      <c r="U57" s="371"/>
      <c r="V57" s="371"/>
      <c r="W57" s="371"/>
      <c r="X57" s="371"/>
      <c r="Y57" s="371"/>
      <c r="Z57" s="371"/>
      <c r="AA57" s="371"/>
      <c r="AB57" s="371"/>
      <c r="AC57" s="371"/>
      <c r="AD57" s="371"/>
      <c r="AE57" s="371"/>
      <c r="AF57" s="371"/>
      <c r="AG57" s="371"/>
      <c r="AH57" s="371"/>
      <c r="AI57" s="371"/>
      <c r="AJ57" s="371"/>
      <c r="AK57" s="371"/>
      <c r="AL57" s="371"/>
      <c r="AM57" s="371"/>
      <c r="AN57" s="371"/>
      <c r="AO57" s="371"/>
      <c r="AP57" s="371"/>
      <c r="AQ57" s="371"/>
      <c r="AR57" s="371"/>
      <c r="AS57" s="371"/>
      <c r="AT57" s="371"/>
      <c r="AU57" s="371"/>
      <c r="AV57" s="371"/>
      <c r="AW57" s="371"/>
      <c r="AX57" s="371"/>
      <c r="AY57" s="371"/>
      <c r="AZ57" s="371"/>
      <c r="BA57" s="371"/>
      <c r="BB57" s="371"/>
      <c r="BC57" s="371"/>
      <c r="BD57" s="371"/>
      <c r="BE57" s="371"/>
      <c r="BF57" s="371"/>
      <c r="BG57" s="371"/>
      <c r="BH57" s="371"/>
      <c r="BI57" s="371"/>
      <c r="BJ57" s="371"/>
      <c r="BK57" s="371"/>
      <c r="BL57" s="371"/>
      <c r="BM57" s="371"/>
      <c r="BN57" s="371"/>
      <c r="BO57" s="371"/>
      <c r="BP57" s="371"/>
      <c r="BQ57" s="371"/>
      <c r="BR57" s="371"/>
      <c r="BS57" s="371"/>
      <c r="BT57" s="371"/>
      <c r="BU57" s="371"/>
      <c r="BV57" s="371"/>
      <c r="BW57" s="371"/>
      <c r="BX57" s="371"/>
      <c r="BY57" s="371"/>
      <c r="BZ57" s="371"/>
      <c r="CA57" s="371"/>
      <c r="CB57" s="371"/>
      <c r="CC57" s="371"/>
      <c r="CD57" s="371"/>
      <c r="CE57" s="371"/>
      <c r="CF57" s="371"/>
      <c r="CG57" s="371"/>
      <c r="CH57" s="371"/>
      <c r="CI57" s="371"/>
      <c r="CJ57" s="371"/>
      <c r="CK57" s="371"/>
      <c r="CL57" s="371"/>
      <c r="CM57" s="371"/>
      <c r="CN57" s="371"/>
      <c r="CO57" s="371"/>
      <c r="CQ57" s="160" t="s">
        <v>657</v>
      </c>
      <c r="CR57" s="308" t="s">
        <v>654</v>
      </c>
      <c r="CS57" s="26"/>
    </row>
    <row r="58" spans="1:97" ht="42.6" hidden="1" customHeight="1" thickBot="1" x14ac:dyDescent="0.25">
      <c r="A58" s="372"/>
      <c r="B58" s="373"/>
      <c r="C58" s="373"/>
      <c r="D58" s="373"/>
      <c r="E58" s="373"/>
      <c r="F58" s="373"/>
      <c r="G58" s="373"/>
      <c r="H58" s="373"/>
      <c r="I58" s="373"/>
      <c r="J58" s="373"/>
      <c r="K58" s="373"/>
      <c r="L58" s="373"/>
      <c r="M58" s="373"/>
      <c r="N58" s="373"/>
      <c r="O58" s="373"/>
      <c r="P58" s="373"/>
      <c r="Q58" s="373"/>
      <c r="R58" s="373"/>
      <c r="S58" s="373"/>
      <c r="T58" s="373"/>
      <c r="U58" s="373"/>
      <c r="V58" s="373"/>
      <c r="W58" s="373"/>
      <c r="X58" s="373"/>
      <c r="Y58" s="373"/>
      <c r="Z58" s="373"/>
      <c r="AA58" s="373"/>
      <c r="AB58" s="373"/>
      <c r="AC58" s="373"/>
      <c r="AD58" s="373"/>
      <c r="AE58" s="373"/>
      <c r="AF58" s="373"/>
      <c r="AG58" s="373"/>
      <c r="AH58" s="373"/>
      <c r="AI58" s="373"/>
      <c r="AJ58" s="373"/>
      <c r="AK58" s="373"/>
      <c r="AL58" s="373"/>
      <c r="AM58" s="373"/>
      <c r="AN58" s="373"/>
      <c r="AO58" s="373"/>
      <c r="AP58" s="373"/>
      <c r="AQ58" s="374"/>
      <c r="AR58" s="375" t="s">
        <v>144</v>
      </c>
      <c r="AS58" s="375"/>
      <c r="AT58" s="375"/>
      <c r="AU58" s="375"/>
      <c r="AV58" s="375"/>
      <c r="AW58" s="375"/>
      <c r="AX58" s="375"/>
      <c r="AY58" s="375"/>
      <c r="AZ58" s="375"/>
      <c r="BA58" s="375"/>
      <c r="BB58" s="375"/>
      <c r="BC58" s="375"/>
      <c r="BD58" s="375"/>
      <c r="BE58" s="375"/>
      <c r="BF58" s="375"/>
      <c r="BG58" s="375"/>
      <c r="BH58" s="375"/>
      <c r="BI58" s="375"/>
      <c r="BJ58" s="375"/>
      <c r="BK58" s="375"/>
      <c r="BL58" s="375"/>
      <c r="BM58" s="375"/>
      <c r="BN58" s="375"/>
      <c r="BO58" s="375"/>
      <c r="BP58" s="375"/>
      <c r="BQ58" s="295"/>
      <c r="BR58" s="295"/>
      <c r="BS58" s="295"/>
      <c r="BT58" s="295"/>
      <c r="BU58" s="295"/>
      <c r="BV58" s="295"/>
      <c r="BW58" s="295"/>
      <c r="BX58" s="295"/>
      <c r="BY58" s="295"/>
      <c r="BZ58" s="295"/>
      <c r="CA58" s="295"/>
      <c r="CB58" s="295"/>
      <c r="CC58" s="295"/>
      <c r="CD58" s="295"/>
      <c r="CE58" s="295"/>
      <c r="CF58" s="295"/>
      <c r="CG58" s="295"/>
      <c r="CH58" s="295"/>
      <c r="CI58" s="295"/>
      <c r="CJ58" s="295"/>
      <c r="CK58" s="293"/>
      <c r="CL58" s="293"/>
      <c r="CM58" s="293"/>
      <c r="CN58" s="293"/>
      <c r="CO58" s="293"/>
      <c r="CQ58" s="160">
        <v>27</v>
      </c>
      <c r="CR58" s="308"/>
      <c r="CS58" s="26"/>
    </row>
    <row r="59" spans="1:97" ht="6.6" hidden="1" customHeight="1" x14ac:dyDescent="0.2">
      <c r="A59" s="296"/>
      <c r="B59" s="296"/>
      <c r="C59" s="296"/>
      <c r="D59" s="296"/>
      <c r="E59" s="296"/>
      <c r="F59" s="296"/>
      <c r="G59" s="296"/>
      <c r="H59" s="296"/>
      <c r="I59" s="296"/>
      <c r="J59" s="296"/>
      <c r="K59" s="296"/>
      <c r="L59" s="296"/>
      <c r="M59" s="296"/>
      <c r="N59" s="296"/>
      <c r="O59" s="296"/>
      <c r="P59" s="296"/>
      <c r="Q59" s="296"/>
      <c r="R59" s="296"/>
      <c r="S59" s="296"/>
      <c r="T59" s="296"/>
      <c r="U59" s="296"/>
      <c r="V59" s="296"/>
      <c r="W59" s="296"/>
      <c r="X59" s="296"/>
      <c r="Y59" s="296"/>
      <c r="Z59" s="296"/>
      <c r="AA59" s="296"/>
      <c r="AB59" s="296"/>
      <c r="AC59" s="296"/>
      <c r="AD59" s="296"/>
      <c r="AE59" s="296"/>
      <c r="AF59" s="296"/>
      <c r="AG59" s="296"/>
      <c r="AH59" s="296"/>
      <c r="AI59" s="296"/>
      <c r="AJ59" s="296"/>
      <c r="AK59" s="296"/>
      <c r="AL59" s="296"/>
      <c r="AM59" s="296"/>
      <c r="AN59" s="296"/>
      <c r="AO59" s="296"/>
      <c r="AP59" s="296"/>
      <c r="AQ59" s="296"/>
      <c r="AR59" s="297"/>
      <c r="AS59" s="297"/>
      <c r="AT59" s="297"/>
      <c r="AU59" s="297"/>
      <c r="AV59" s="297"/>
      <c r="AW59" s="297"/>
      <c r="AX59" s="297"/>
      <c r="AY59" s="297"/>
      <c r="AZ59" s="297"/>
      <c r="BA59" s="297"/>
      <c r="BB59" s="297"/>
      <c r="BC59" s="297"/>
      <c r="BD59" s="297"/>
      <c r="BE59" s="297"/>
      <c r="BF59" s="297"/>
      <c r="BG59" s="297"/>
      <c r="BH59" s="297"/>
      <c r="BI59" s="297"/>
      <c r="BJ59" s="297"/>
      <c r="BK59" s="297"/>
      <c r="BL59" s="297"/>
      <c r="BM59" s="297"/>
      <c r="BN59" s="297"/>
      <c r="BO59" s="297"/>
      <c r="BP59" s="297"/>
      <c r="BQ59" s="295"/>
      <c r="BR59" s="295"/>
      <c r="BS59" s="295"/>
      <c r="BT59" s="295"/>
      <c r="BU59" s="295"/>
      <c r="BV59" s="295"/>
      <c r="BW59" s="295"/>
      <c r="BX59" s="295"/>
      <c r="BY59" s="295"/>
      <c r="BZ59" s="295"/>
      <c r="CA59" s="295"/>
      <c r="CB59" s="295"/>
      <c r="CC59" s="295"/>
      <c r="CD59" s="295"/>
      <c r="CE59" s="295"/>
      <c r="CF59" s="295"/>
      <c r="CG59" s="295"/>
      <c r="CH59" s="295"/>
      <c r="CI59" s="295"/>
      <c r="CJ59" s="295"/>
      <c r="CK59" s="293"/>
      <c r="CL59" s="293"/>
      <c r="CM59" s="293"/>
      <c r="CN59" s="293"/>
      <c r="CO59" s="293"/>
      <c r="CS59" s="26"/>
    </row>
    <row r="60" spans="1:97" ht="17.25" hidden="1" customHeight="1" thickBot="1" x14ac:dyDescent="0.25">
      <c r="A60" s="371" t="s">
        <v>957</v>
      </c>
      <c r="B60" s="371"/>
      <c r="C60" s="371"/>
      <c r="D60" s="371"/>
      <c r="E60" s="371"/>
      <c r="F60" s="371"/>
      <c r="G60" s="371"/>
      <c r="H60" s="371"/>
      <c r="I60" s="371"/>
      <c r="J60" s="371"/>
      <c r="K60" s="371"/>
      <c r="L60" s="371"/>
      <c r="M60" s="371"/>
      <c r="N60" s="371"/>
      <c r="O60" s="371"/>
      <c r="P60" s="371"/>
      <c r="Q60" s="371"/>
      <c r="R60" s="371"/>
      <c r="S60" s="371"/>
      <c r="T60" s="371"/>
      <c r="U60" s="371"/>
      <c r="V60" s="371"/>
      <c r="W60" s="371"/>
      <c r="X60" s="371"/>
      <c r="Y60" s="371"/>
      <c r="Z60" s="371"/>
      <c r="AA60" s="371"/>
      <c r="AB60" s="371"/>
      <c r="AC60" s="371"/>
      <c r="AD60" s="371"/>
      <c r="AE60" s="371"/>
      <c r="AF60" s="371"/>
      <c r="AG60" s="371"/>
      <c r="AH60" s="371"/>
      <c r="AI60" s="371"/>
      <c r="AJ60" s="371"/>
      <c r="AK60" s="371"/>
      <c r="AL60" s="371"/>
      <c r="AM60" s="371"/>
      <c r="AN60" s="371"/>
      <c r="AO60" s="371"/>
      <c r="AP60" s="371"/>
      <c r="AQ60" s="371"/>
      <c r="AR60" s="371"/>
      <c r="AS60" s="371"/>
      <c r="AT60" s="371"/>
      <c r="AU60" s="371"/>
      <c r="AV60" s="371"/>
      <c r="AW60" s="371"/>
      <c r="AX60" s="371"/>
      <c r="AY60" s="371"/>
      <c r="AZ60" s="371"/>
      <c r="BA60" s="371"/>
      <c r="BB60" s="371"/>
      <c r="BC60" s="371"/>
      <c r="BD60" s="371"/>
      <c r="BE60" s="371"/>
      <c r="BF60" s="371"/>
      <c r="BG60" s="371"/>
      <c r="BH60" s="371"/>
      <c r="BI60" s="371"/>
      <c r="BJ60" s="371"/>
      <c r="BK60" s="371"/>
      <c r="BL60" s="371"/>
      <c r="BM60" s="371"/>
      <c r="BN60" s="371"/>
      <c r="BO60" s="371"/>
      <c r="BP60" s="371"/>
      <c r="BQ60" s="371"/>
      <c r="BR60" s="371"/>
      <c r="BS60" s="371"/>
      <c r="BT60" s="371"/>
      <c r="BU60" s="371"/>
      <c r="BV60" s="371"/>
      <c r="BW60" s="371"/>
      <c r="BX60" s="371"/>
      <c r="BY60" s="371"/>
      <c r="BZ60" s="371"/>
      <c r="CA60" s="371"/>
      <c r="CB60" s="371"/>
      <c r="CC60" s="371"/>
      <c r="CD60" s="371"/>
      <c r="CE60" s="371"/>
      <c r="CF60" s="371"/>
      <c r="CG60" s="371"/>
      <c r="CH60" s="371"/>
      <c r="CI60" s="371"/>
      <c r="CJ60" s="371"/>
      <c r="CK60" s="371"/>
      <c r="CL60" s="371"/>
      <c r="CM60" s="371"/>
      <c r="CN60" s="371"/>
      <c r="CO60" s="371"/>
      <c r="CQ60" s="160" t="s">
        <v>657</v>
      </c>
      <c r="CR60" s="308" t="s">
        <v>654</v>
      </c>
      <c r="CS60" s="26"/>
    </row>
    <row r="61" spans="1:97" ht="51.6" customHeight="1" thickBot="1" x14ac:dyDescent="0.25">
      <c r="A61" s="372" t="str">
        <f>IF(総括表!T40=0,"",総括表!T40)</f>
        <v/>
      </c>
      <c r="B61" s="373"/>
      <c r="C61" s="373"/>
      <c r="D61" s="373"/>
      <c r="E61" s="373"/>
      <c r="F61" s="373"/>
      <c r="G61" s="373"/>
      <c r="H61" s="373"/>
      <c r="I61" s="373"/>
      <c r="J61" s="373"/>
      <c r="K61" s="373"/>
      <c r="L61" s="373"/>
      <c r="M61" s="373"/>
      <c r="N61" s="373"/>
      <c r="O61" s="373"/>
      <c r="P61" s="373"/>
      <c r="Q61" s="373"/>
      <c r="R61" s="373"/>
      <c r="S61" s="373"/>
      <c r="T61" s="373"/>
      <c r="U61" s="373"/>
      <c r="V61" s="373"/>
      <c r="W61" s="373"/>
      <c r="X61" s="373"/>
      <c r="Y61" s="373"/>
      <c r="Z61" s="373"/>
      <c r="AA61" s="373"/>
      <c r="AB61" s="373"/>
      <c r="AC61" s="373"/>
      <c r="AD61" s="373"/>
      <c r="AE61" s="373"/>
      <c r="AF61" s="373"/>
      <c r="AG61" s="373"/>
      <c r="AH61" s="373"/>
      <c r="AI61" s="373"/>
      <c r="AJ61" s="373"/>
      <c r="AK61" s="373"/>
      <c r="AL61" s="373"/>
      <c r="AM61" s="373"/>
      <c r="AN61" s="373"/>
      <c r="AO61" s="373"/>
      <c r="AP61" s="373"/>
      <c r="AQ61" s="374"/>
      <c r="AR61" s="375" t="s">
        <v>144</v>
      </c>
      <c r="AS61" s="375"/>
      <c r="AT61" s="375"/>
      <c r="AU61" s="375"/>
      <c r="AV61" s="375"/>
      <c r="AW61" s="375"/>
      <c r="AX61" s="375"/>
      <c r="AY61" s="375"/>
      <c r="AZ61" s="375"/>
      <c r="BA61" s="375"/>
      <c r="BB61" s="375"/>
      <c r="BC61" s="375"/>
      <c r="BD61" s="375"/>
      <c r="BE61" s="375"/>
      <c r="BF61" s="375"/>
      <c r="BG61" s="375"/>
      <c r="BH61" s="375"/>
      <c r="BI61" s="375"/>
      <c r="BJ61" s="375"/>
      <c r="BK61" s="375"/>
      <c r="BL61" s="375"/>
      <c r="BM61" s="375"/>
      <c r="BN61" s="375"/>
      <c r="BO61" s="375"/>
      <c r="BP61" s="375"/>
      <c r="BQ61" s="406"/>
      <c r="BR61" s="406"/>
      <c r="BS61" s="406"/>
      <c r="BT61" s="406"/>
      <c r="BU61" s="406"/>
      <c r="BV61" s="406"/>
      <c r="BW61" s="406"/>
      <c r="BX61" s="406"/>
      <c r="BY61" s="406"/>
      <c r="BZ61" s="406"/>
      <c r="CA61" s="406"/>
      <c r="CB61" s="406"/>
      <c r="CC61" s="406"/>
      <c r="CD61" s="406"/>
      <c r="CE61" s="406"/>
      <c r="CF61" s="406"/>
      <c r="CG61" s="406"/>
      <c r="CH61" s="406"/>
      <c r="CI61" s="406"/>
      <c r="CJ61" s="406"/>
      <c r="CK61" s="406"/>
      <c r="CL61" s="406"/>
      <c r="CM61" s="406"/>
      <c r="CN61" s="406"/>
      <c r="CO61" s="298"/>
      <c r="CP61" s="253"/>
      <c r="CQ61" s="160">
        <v>28</v>
      </c>
      <c r="CR61" s="307"/>
      <c r="CS61" s="2"/>
    </row>
    <row r="62" spans="1:97" ht="16.2" customHeight="1" x14ac:dyDescent="0.2">
      <c r="A62" s="256"/>
      <c r="B62" s="256"/>
      <c r="C62" s="256"/>
      <c r="D62" s="256"/>
      <c r="E62" s="256"/>
      <c r="F62" s="256"/>
      <c r="G62" s="256"/>
      <c r="H62" s="256"/>
      <c r="I62" s="256"/>
      <c r="J62" s="256"/>
      <c r="K62" s="256"/>
      <c r="L62" s="256"/>
      <c r="M62" s="256"/>
      <c r="N62" s="256"/>
      <c r="O62" s="256"/>
      <c r="P62" s="256"/>
      <c r="Q62" s="256"/>
      <c r="R62" s="256"/>
      <c r="S62" s="256"/>
      <c r="T62" s="256"/>
      <c r="U62" s="256"/>
      <c r="V62" s="256"/>
      <c r="W62" s="256"/>
      <c r="X62" s="256"/>
      <c r="Y62" s="256"/>
      <c r="Z62" s="256"/>
      <c r="AA62" s="256"/>
      <c r="AB62" s="256"/>
      <c r="AC62" s="256"/>
      <c r="AD62" s="256"/>
      <c r="AE62" s="256"/>
      <c r="AF62" s="256"/>
      <c r="AG62" s="256"/>
      <c r="AH62" s="256"/>
      <c r="AI62" s="256"/>
      <c r="AJ62" s="256"/>
      <c r="AK62" s="256"/>
      <c r="AL62" s="256"/>
      <c r="AM62" s="256"/>
      <c r="AN62" s="256"/>
      <c r="AO62" s="256"/>
      <c r="AP62" s="256"/>
      <c r="AQ62" s="256"/>
      <c r="AR62" s="252"/>
      <c r="AS62" s="252"/>
      <c r="AT62" s="252"/>
      <c r="AU62" s="252"/>
      <c r="AV62" s="252"/>
      <c r="AW62" s="252"/>
      <c r="AX62" s="252"/>
      <c r="AY62" s="252"/>
      <c r="AZ62" s="252"/>
      <c r="BA62" s="252"/>
      <c r="BB62" s="252"/>
      <c r="BC62" s="252"/>
      <c r="BD62" s="252"/>
      <c r="BE62" s="252"/>
      <c r="BF62" s="252"/>
      <c r="BG62" s="252"/>
      <c r="BH62" s="252"/>
      <c r="BI62" s="252"/>
      <c r="BJ62" s="252"/>
      <c r="BK62" s="252"/>
      <c r="BL62" s="252"/>
      <c r="BM62" s="252"/>
      <c r="BN62" s="252"/>
      <c r="BO62" s="252"/>
      <c r="BP62" s="252"/>
      <c r="BQ62" s="253"/>
      <c r="BR62" s="253"/>
      <c r="BS62" s="253"/>
      <c r="BT62" s="253"/>
      <c r="BU62" s="253"/>
      <c r="BV62" s="253"/>
      <c r="BW62" s="253"/>
      <c r="BX62" s="253"/>
      <c r="BY62" s="253"/>
      <c r="BZ62" s="253"/>
      <c r="CA62" s="253"/>
      <c r="CB62" s="253"/>
      <c r="CC62" s="253"/>
      <c r="CD62" s="253"/>
      <c r="CE62" s="253"/>
      <c r="CF62" s="253"/>
      <c r="CG62" s="253"/>
      <c r="CH62" s="253"/>
      <c r="CI62" s="253"/>
      <c r="CJ62" s="253"/>
      <c r="CK62" s="253"/>
      <c r="CL62" s="253"/>
      <c r="CM62" s="253"/>
      <c r="CN62" s="253"/>
      <c r="CO62" s="253"/>
      <c r="CP62" s="253"/>
      <c r="CS62" s="2"/>
    </row>
    <row r="63" spans="1:97" ht="18" customHeight="1" x14ac:dyDescent="0.2">
      <c r="A63" s="145"/>
      <c r="B63" s="145"/>
      <c r="C63" s="145"/>
      <c r="D63" s="146"/>
      <c r="E63" s="146"/>
      <c r="F63" s="146"/>
      <c r="G63" s="146"/>
      <c r="H63" s="146"/>
      <c r="I63" s="146"/>
      <c r="J63" s="146"/>
      <c r="K63" s="145"/>
      <c r="L63" s="145"/>
      <c r="M63" s="145"/>
      <c r="N63" s="145"/>
      <c r="O63" s="145"/>
      <c r="P63" s="145"/>
      <c r="Q63" s="145"/>
      <c r="R63" s="145"/>
      <c r="S63" s="145"/>
      <c r="T63" s="145"/>
      <c r="U63" s="145"/>
      <c r="V63" s="145"/>
      <c r="W63" s="145"/>
      <c r="X63" s="145"/>
      <c r="Y63" s="145"/>
      <c r="Z63" s="145"/>
      <c r="AA63" s="145"/>
      <c r="AB63" s="145"/>
      <c r="AC63" s="145"/>
      <c r="AD63" s="145"/>
      <c r="AE63" s="145"/>
      <c r="AF63" s="145"/>
      <c r="AG63" s="145"/>
      <c r="AH63" s="145"/>
      <c r="AI63" s="145"/>
      <c r="AJ63" s="145"/>
      <c r="AK63" s="145"/>
      <c r="AL63" s="145"/>
      <c r="AM63" s="145"/>
      <c r="AN63" s="145"/>
      <c r="AO63" s="145"/>
      <c r="AP63" s="145"/>
      <c r="AQ63" s="145"/>
      <c r="AR63" s="145"/>
    </row>
    <row r="64" spans="1:97" ht="18.600000000000001" customHeight="1" x14ac:dyDescent="0.2">
      <c r="A64" s="376" t="s">
        <v>958</v>
      </c>
      <c r="B64" s="376"/>
      <c r="C64" s="376"/>
      <c r="D64" s="376"/>
      <c r="E64" s="376"/>
      <c r="F64" s="376"/>
      <c r="G64" s="376"/>
      <c r="H64" s="376"/>
      <c r="I64" s="376"/>
      <c r="J64" s="376"/>
      <c r="K64" s="376"/>
      <c r="L64" s="376"/>
      <c r="M64" s="376"/>
      <c r="N64" s="376"/>
      <c r="O64" s="376"/>
      <c r="P64" s="376"/>
      <c r="Q64" s="376"/>
      <c r="R64" s="376"/>
      <c r="S64" s="376"/>
      <c r="T64" s="376"/>
      <c r="U64" s="376"/>
      <c r="V64" s="376"/>
      <c r="W64" s="376"/>
      <c r="X64" s="376"/>
      <c r="Y64" s="376"/>
      <c r="Z64" s="376"/>
      <c r="AA64" s="376"/>
      <c r="AB64" s="376"/>
      <c r="AC64" s="376"/>
      <c r="AD64" s="376"/>
      <c r="AE64" s="376"/>
      <c r="AF64" s="376"/>
      <c r="AG64" s="376"/>
      <c r="AH64" s="376"/>
      <c r="AI64" s="376"/>
      <c r="AJ64" s="376"/>
      <c r="AK64" s="376"/>
      <c r="AL64" s="376"/>
      <c r="AM64" s="376"/>
      <c r="AN64" s="376"/>
      <c r="AO64" s="376"/>
      <c r="AP64" s="376"/>
      <c r="AQ64" s="376"/>
      <c r="AR64" s="376"/>
      <c r="AS64" s="376"/>
      <c r="AT64" s="376"/>
      <c r="AU64" s="376"/>
      <c r="AV64" s="376"/>
      <c r="AW64" s="376"/>
      <c r="AX64" s="376"/>
      <c r="AY64" s="376"/>
      <c r="AZ64" s="376"/>
      <c r="BA64" s="376"/>
      <c r="BB64" s="376"/>
      <c r="BC64" s="376"/>
      <c r="BD64" s="376"/>
      <c r="BE64" s="376"/>
      <c r="BF64" s="376"/>
      <c r="BG64" s="376"/>
      <c r="BH64" s="376"/>
      <c r="BI64" s="376"/>
      <c r="BJ64" s="376"/>
      <c r="BK64" s="376"/>
      <c r="BL64" s="376"/>
      <c r="BM64" s="376"/>
      <c r="BN64" s="376"/>
      <c r="BO64" s="376"/>
      <c r="BP64" s="376"/>
      <c r="BQ64" s="376"/>
      <c r="BR64" s="376"/>
      <c r="BS64" s="376"/>
      <c r="BT64" s="376"/>
      <c r="BU64" s="376"/>
      <c r="BV64" s="376"/>
      <c r="BW64" s="376"/>
      <c r="BX64" s="376"/>
      <c r="BY64" s="376"/>
      <c r="BZ64" s="376"/>
      <c r="CA64" s="376"/>
      <c r="CB64" s="376"/>
      <c r="CC64" s="376"/>
      <c r="CD64" s="376"/>
      <c r="CE64" s="376"/>
      <c r="CF64" s="376"/>
      <c r="CG64" s="376"/>
      <c r="CH64" s="376"/>
      <c r="CI64" s="376"/>
      <c r="CJ64" s="376"/>
      <c r="CK64" s="376"/>
      <c r="CL64" s="376"/>
      <c r="CM64" s="147"/>
      <c r="CN64" s="147"/>
      <c r="CO64" s="147"/>
      <c r="CP64" s="147"/>
      <c r="CR64" s="321"/>
    </row>
    <row r="65" spans="1:96" ht="7.8" customHeight="1" x14ac:dyDescent="0.2">
      <c r="G65" s="235"/>
      <c r="H65" s="235"/>
    </row>
    <row r="66" spans="1:96" ht="18.600000000000001" customHeight="1" x14ac:dyDescent="0.2">
      <c r="A66" s="367" t="s">
        <v>1224</v>
      </c>
      <c r="B66" s="367"/>
      <c r="C66" s="367"/>
      <c r="D66" s="367"/>
      <c r="E66" s="367"/>
      <c r="F66" s="367"/>
      <c r="G66" s="367"/>
      <c r="H66" s="367"/>
      <c r="I66" s="367"/>
      <c r="J66" s="367"/>
      <c r="K66" s="367"/>
      <c r="L66" s="367"/>
      <c r="M66" s="367"/>
      <c r="N66" s="367"/>
      <c r="O66" s="367"/>
      <c r="P66" s="367"/>
      <c r="Q66" s="367"/>
      <c r="R66" s="367"/>
      <c r="S66" s="367"/>
      <c r="T66" s="367"/>
      <c r="U66" s="367"/>
      <c r="V66" s="367"/>
      <c r="W66" s="367"/>
      <c r="X66" s="367"/>
      <c r="Y66" s="367"/>
      <c r="Z66" s="367"/>
      <c r="AA66" s="367"/>
      <c r="AB66" s="367"/>
      <c r="AC66" s="367"/>
      <c r="AD66" s="367"/>
      <c r="AE66" s="367"/>
      <c r="AF66" s="367"/>
      <c r="AG66" s="367"/>
      <c r="AH66" s="367"/>
      <c r="AI66" s="367"/>
      <c r="AJ66" s="367"/>
      <c r="AK66" s="367"/>
      <c r="AL66" s="367"/>
      <c r="AM66" s="367"/>
      <c r="AN66" s="367"/>
      <c r="AO66" s="367"/>
      <c r="AP66" s="367"/>
      <c r="AQ66" s="367"/>
      <c r="AR66" s="367"/>
      <c r="AS66" s="367"/>
      <c r="AT66" s="367"/>
      <c r="AU66" s="367"/>
      <c r="AV66" s="367"/>
      <c r="AW66" s="367"/>
      <c r="AX66" s="367"/>
      <c r="AY66" s="367"/>
      <c r="AZ66" s="367"/>
      <c r="BA66" s="367"/>
      <c r="BB66" s="367"/>
      <c r="BC66" s="367"/>
      <c r="BD66" s="367"/>
      <c r="BE66" s="367"/>
      <c r="BF66" s="367"/>
      <c r="BG66" s="367"/>
      <c r="BH66" s="367"/>
      <c r="BI66" s="367"/>
      <c r="BJ66" s="367"/>
      <c r="BK66" s="367"/>
      <c r="BL66" s="367"/>
      <c r="BM66" s="367"/>
      <c r="BN66" s="367"/>
      <c r="BO66" s="367"/>
      <c r="BP66" s="367"/>
      <c r="BQ66" s="367"/>
      <c r="BR66" s="367"/>
      <c r="BS66" s="367"/>
      <c r="BT66" s="367"/>
      <c r="BU66" s="367"/>
      <c r="BV66" s="367"/>
      <c r="BW66" s="367"/>
      <c r="BX66" s="367"/>
      <c r="BY66" s="367"/>
      <c r="BZ66" s="367"/>
      <c r="CA66" s="367"/>
      <c r="CB66" s="367"/>
      <c r="CC66" s="367"/>
      <c r="CD66" s="367"/>
      <c r="CE66" s="367"/>
      <c r="CF66" s="367"/>
      <c r="CG66" s="367"/>
      <c r="CH66" s="367"/>
      <c r="CI66" s="367"/>
      <c r="CJ66" s="367"/>
      <c r="CK66" s="367"/>
      <c r="CL66" s="367"/>
      <c r="CM66" s="367"/>
      <c r="CN66" s="367"/>
      <c r="CQ66" s="160" t="s">
        <v>657</v>
      </c>
      <c r="CR66" s="308" t="s">
        <v>654</v>
      </c>
    </row>
    <row r="67" spans="1:96" ht="18.600000000000001" customHeight="1" x14ac:dyDescent="0.2">
      <c r="B67" s="368" t="s">
        <v>3</v>
      </c>
      <c r="C67" s="368"/>
      <c r="D67" s="368"/>
      <c r="E67" s="369" t="s">
        <v>1225</v>
      </c>
      <c r="F67" s="369"/>
      <c r="G67" s="369"/>
      <c r="H67" s="369"/>
      <c r="I67" s="369"/>
      <c r="J67" s="369"/>
      <c r="K67" s="369"/>
      <c r="L67" s="369"/>
      <c r="M67" s="369"/>
      <c r="N67" s="369"/>
      <c r="O67" s="369"/>
      <c r="P67" s="369"/>
      <c r="Q67" s="369"/>
      <c r="R67" s="369"/>
      <c r="S67" s="369"/>
      <c r="T67" s="369"/>
      <c r="U67" s="369"/>
      <c r="V67" s="369"/>
      <c r="W67" s="369"/>
      <c r="X67" s="369"/>
      <c r="Y67" s="369"/>
      <c r="Z67" s="369"/>
      <c r="AA67" s="369"/>
      <c r="AB67" s="369"/>
      <c r="AC67" s="369"/>
      <c r="AD67" s="369"/>
      <c r="AE67" s="369"/>
      <c r="AF67" s="369"/>
      <c r="AG67" s="369"/>
      <c r="AH67" s="369"/>
      <c r="AI67" s="369"/>
      <c r="AJ67" s="369"/>
      <c r="AK67" s="369"/>
      <c r="AL67" s="369"/>
      <c r="AM67" s="369"/>
      <c r="AN67" s="369"/>
      <c r="AO67" s="369"/>
      <c r="AP67" s="369"/>
      <c r="AQ67" s="369"/>
      <c r="AR67" s="369"/>
      <c r="AS67" s="369"/>
      <c r="AT67" s="369"/>
      <c r="AU67" s="369"/>
      <c r="AV67" s="369"/>
      <c r="AW67" s="369"/>
      <c r="AX67" s="369"/>
      <c r="AY67" s="369"/>
      <c r="AZ67" s="369"/>
      <c r="BA67" s="369"/>
      <c r="BB67" s="369"/>
      <c r="BC67" s="369"/>
      <c r="BD67" s="369"/>
      <c r="BE67" s="369"/>
      <c r="BF67" s="369"/>
      <c r="BG67" s="369"/>
      <c r="BH67" s="369"/>
      <c r="BI67" s="369"/>
      <c r="BJ67" s="369"/>
      <c r="BK67" s="369"/>
      <c r="BL67" s="369"/>
      <c r="BM67" s="369"/>
      <c r="BN67" s="369"/>
      <c r="BO67" s="369"/>
      <c r="BP67" s="369"/>
      <c r="BQ67" s="369"/>
      <c r="BR67" s="369"/>
      <c r="BS67" s="369"/>
      <c r="BT67" s="369"/>
      <c r="BU67" s="369"/>
      <c r="BV67" s="369"/>
      <c r="BW67" s="369"/>
      <c r="BX67" s="369"/>
      <c r="BY67" s="369"/>
      <c r="BZ67" s="369"/>
      <c r="CA67" s="369"/>
      <c r="CB67" s="369"/>
      <c r="CC67" s="369"/>
      <c r="CD67" s="369"/>
      <c r="CE67" s="369"/>
      <c r="CF67" s="369"/>
      <c r="CG67" s="369"/>
      <c r="CH67" s="369"/>
      <c r="CI67" s="369"/>
      <c r="CJ67" s="369"/>
      <c r="CK67" s="369"/>
      <c r="CL67" s="369"/>
      <c r="CM67" s="369"/>
      <c r="CN67" s="369"/>
      <c r="CQ67" s="160">
        <v>29</v>
      </c>
      <c r="CR67" s="307"/>
    </row>
    <row r="68" spans="1:96" ht="18.600000000000001" customHeight="1" x14ac:dyDescent="0.2">
      <c r="E68" s="369"/>
      <c r="F68" s="369"/>
      <c r="G68" s="369"/>
      <c r="H68" s="369"/>
      <c r="I68" s="369"/>
      <c r="J68" s="369"/>
      <c r="K68" s="369"/>
      <c r="L68" s="369"/>
      <c r="M68" s="369"/>
      <c r="N68" s="369"/>
      <c r="O68" s="369"/>
      <c r="P68" s="369"/>
      <c r="Q68" s="369"/>
      <c r="R68" s="369"/>
      <c r="S68" s="369"/>
      <c r="T68" s="369"/>
      <c r="U68" s="369"/>
      <c r="V68" s="369"/>
      <c r="W68" s="369"/>
      <c r="X68" s="369"/>
      <c r="Y68" s="369"/>
      <c r="Z68" s="369"/>
      <c r="AA68" s="369"/>
      <c r="AB68" s="369"/>
      <c r="AC68" s="369"/>
      <c r="AD68" s="369"/>
      <c r="AE68" s="369"/>
      <c r="AF68" s="369"/>
      <c r="AG68" s="369"/>
      <c r="AH68" s="369"/>
      <c r="AI68" s="369"/>
      <c r="AJ68" s="369"/>
      <c r="AK68" s="369"/>
      <c r="AL68" s="369"/>
      <c r="AM68" s="369"/>
      <c r="AN68" s="369"/>
      <c r="AO68" s="369"/>
      <c r="AP68" s="369"/>
      <c r="AQ68" s="369"/>
      <c r="AR68" s="369"/>
      <c r="AS68" s="369"/>
      <c r="AT68" s="369"/>
      <c r="AU68" s="369"/>
      <c r="AV68" s="369"/>
      <c r="AW68" s="369"/>
      <c r="AX68" s="369"/>
      <c r="AY68" s="369"/>
      <c r="AZ68" s="369"/>
      <c r="BA68" s="369"/>
      <c r="BB68" s="369"/>
      <c r="BC68" s="369"/>
      <c r="BD68" s="369"/>
      <c r="BE68" s="369"/>
      <c r="BF68" s="369"/>
      <c r="BG68" s="369"/>
      <c r="BH68" s="369"/>
      <c r="BI68" s="369"/>
      <c r="BJ68" s="369"/>
      <c r="BK68" s="369"/>
      <c r="BL68" s="369"/>
      <c r="BM68" s="369"/>
      <c r="BN68" s="369"/>
      <c r="BO68" s="369"/>
      <c r="BP68" s="369"/>
      <c r="BQ68" s="369"/>
      <c r="BR68" s="369"/>
      <c r="BS68" s="369"/>
      <c r="BT68" s="369"/>
      <c r="BU68" s="369"/>
      <c r="BV68" s="369"/>
      <c r="BW68" s="369"/>
      <c r="BX68" s="369"/>
      <c r="BY68" s="369"/>
      <c r="BZ68" s="369"/>
      <c r="CA68" s="369"/>
      <c r="CB68" s="369"/>
      <c r="CC68" s="369"/>
      <c r="CD68" s="369"/>
      <c r="CE68" s="369"/>
      <c r="CF68" s="369"/>
      <c r="CG68" s="369"/>
      <c r="CH68" s="369"/>
      <c r="CI68" s="369"/>
      <c r="CJ68" s="369"/>
      <c r="CK68" s="369"/>
      <c r="CL68" s="369"/>
      <c r="CM68" s="369"/>
      <c r="CN68" s="369"/>
    </row>
    <row r="69" spans="1:96" ht="18.600000000000001" customHeight="1" x14ac:dyDescent="0.2">
      <c r="E69" s="369"/>
      <c r="F69" s="369"/>
      <c r="G69" s="369"/>
      <c r="H69" s="369"/>
      <c r="I69" s="369"/>
      <c r="J69" s="369"/>
      <c r="K69" s="369"/>
      <c r="L69" s="369"/>
      <c r="M69" s="369"/>
      <c r="N69" s="369"/>
      <c r="O69" s="369"/>
      <c r="P69" s="369"/>
      <c r="Q69" s="369"/>
      <c r="R69" s="369"/>
      <c r="S69" s="369"/>
      <c r="T69" s="369"/>
      <c r="U69" s="369"/>
      <c r="V69" s="369"/>
      <c r="W69" s="369"/>
      <c r="X69" s="369"/>
      <c r="Y69" s="369"/>
      <c r="Z69" s="369"/>
      <c r="AA69" s="369"/>
      <c r="AB69" s="369"/>
      <c r="AC69" s="369"/>
      <c r="AD69" s="369"/>
      <c r="AE69" s="369"/>
      <c r="AF69" s="369"/>
      <c r="AG69" s="369"/>
      <c r="AH69" s="369"/>
      <c r="AI69" s="369"/>
      <c r="AJ69" s="369"/>
      <c r="AK69" s="369"/>
      <c r="AL69" s="369"/>
      <c r="AM69" s="369"/>
      <c r="AN69" s="369"/>
      <c r="AO69" s="369"/>
      <c r="AP69" s="369"/>
      <c r="AQ69" s="369"/>
      <c r="AR69" s="369"/>
      <c r="AS69" s="369"/>
      <c r="AT69" s="369"/>
      <c r="AU69" s="369"/>
      <c r="AV69" s="369"/>
      <c r="AW69" s="369"/>
      <c r="AX69" s="369"/>
      <c r="AY69" s="369"/>
      <c r="AZ69" s="369"/>
      <c r="BA69" s="369"/>
      <c r="BB69" s="369"/>
      <c r="BC69" s="369"/>
      <c r="BD69" s="369"/>
      <c r="BE69" s="369"/>
      <c r="BF69" s="369"/>
      <c r="BG69" s="369"/>
      <c r="BH69" s="369"/>
      <c r="BI69" s="369"/>
      <c r="BJ69" s="369"/>
      <c r="BK69" s="369"/>
      <c r="BL69" s="369"/>
      <c r="BM69" s="369"/>
      <c r="BN69" s="369"/>
      <c r="BO69" s="369"/>
      <c r="BP69" s="369"/>
      <c r="BQ69" s="369"/>
      <c r="BR69" s="369"/>
      <c r="BS69" s="369"/>
      <c r="BT69" s="369"/>
      <c r="BU69" s="369"/>
      <c r="BV69" s="369"/>
      <c r="BW69" s="369"/>
      <c r="BX69" s="369"/>
      <c r="BY69" s="369"/>
      <c r="BZ69" s="369"/>
      <c r="CA69" s="369"/>
      <c r="CB69" s="369"/>
      <c r="CC69" s="369"/>
      <c r="CD69" s="369"/>
      <c r="CE69" s="369"/>
      <c r="CF69" s="369"/>
      <c r="CG69" s="369"/>
      <c r="CH69" s="369"/>
      <c r="CI69" s="369"/>
      <c r="CJ69" s="369"/>
      <c r="CK69" s="369"/>
      <c r="CL69" s="369"/>
      <c r="CM69" s="369"/>
      <c r="CN69" s="369"/>
    </row>
    <row r="70" spans="1:96" ht="18.600000000000001" customHeight="1" x14ac:dyDescent="0.2">
      <c r="E70" s="369"/>
      <c r="F70" s="369"/>
      <c r="G70" s="369"/>
      <c r="H70" s="369"/>
      <c r="I70" s="369"/>
      <c r="J70" s="369"/>
      <c r="K70" s="369"/>
      <c r="L70" s="369"/>
      <c r="M70" s="369"/>
      <c r="N70" s="369"/>
      <c r="O70" s="369"/>
      <c r="P70" s="369"/>
      <c r="Q70" s="369"/>
      <c r="R70" s="369"/>
      <c r="S70" s="369"/>
      <c r="T70" s="369"/>
      <c r="U70" s="369"/>
      <c r="V70" s="369"/>
      <c r="W70" s="369"/>
      <c r="X70" s="369"/>
      <c r="Y70" s="369"/>
      <c r="Z70" s="369"/>
      <c r="AA70" s="369"/>
      <c r="AB70" s="369"/>
      <c r="AC70" s="369"/>
      <c r="AD70" s="369"/>
      <c r="AE70" s="369"/>
      <c r="AF70" s="369"/>
      <c r="AG70" s="369"/>
      <c r="AH70" s="369"/>
      <c r="AI70" s="369"/>
      <c r="AJ70" s="369"/>
      <c r="AK70" s="369"/>
      <c r="AL70" s="369"/>
      <c r="AM70" s="369"/>
      <c r="AN70" s="369"/>
      <c r="AO70" s="369"/>
      <c r="AP70" s="369"/>
      <c r="AQ70" s="369"/>
      <c r="AR70" s="369"/>
      <c r="AS70" s="369"/>
      <c r="AT70" s="369"/>
      <c r="AU70" s="369"/>
      <c r="AV70" s="369"/>
      <c r="AW70" s="369"/>
      <c r="AX70" s="369"/>
      <c r="AY70" s="369"/>
      <c r="AZ70" s="369"/>
      <c r="BA70" s="369"/>
      <c r="BB70" s="369"/>
      <c r="BC70" s="369"/>
      <c r="BD70" s="369"/>
      <c r="BE70" s="369"/>
      <c r="BF70" s="369"/>
      <c r="BG70" s="369"/>
      <c r="BH70" s="369"/>
      <c r="BI70" s="369"/>
      <c r="BJ70" s="369"/>
      <c r="BK70" s="369"/>
      <c r="BL70" s="369"/>
      <c r="BM70" s="369"/>
      <c r="BN70" s="369"/>
      <c r="BO70" s="369"/>
      <c r="BP70" s="369"/>
      <c r="BQ70" s="369"/>
      <c r="BR70" s="369"/>
      <c r="BS70" s="369"/>
      <c r="BT70" s="369"/>
      <c r="BU70" s="369"/>
      <c r="BV70" s="369"/>
      <c r="BW70" s="369"/>
      <c r="BX70" s="369"/>
      <c r="BY70" s="369"/>
      <c r="BZ70" s="369"/>
      <c r="CA70" s="369"/>
      <c r="CB70" s="369"/>
      <c r="CC70" s="369"/>
      <c r="CD70" s="369"/>
      <c r="CE70" s="369"/>
      <c r="CF70" s="369"/>
      <c r="CG70" s="369"/>
      <c r="CH70" s="369"/>
      <c r="CI70" s="369"/>
      <c r="CJ70" s="369"/>
      <c r="CK70" s="369"/>
      <c r="CL70" s="369"/>
      <c r="CM70" s="369"/>
      <c r="CN70" s="369"/>
    </row>
  </sheetData>
  <sheetProtection algorithmName="SHA-512" hashValue="H2jJ+ZowR1z8jRmli4hmOnjgUyTkf4QVNBVS9npsZuFpQQzZpieK0tyPTjfMINoRnQg+j1/XmkgU2PuGyf/bEw==" saltValue="0N2XpVKVocF4LV+Mh/rtpw==" spinCount="100000" sheet="1" objects="1" formatColumns="0"/>
  <mergeCells count="170">
    <mergeCell ref="BK46:BS46"/>
    <mergeCell ref="BT46:BV46"/>
    <mergeCell ref="BW46:CB46"/>
    <mergeCell ref="CC46:CE46"/>
    <mergeCell ref="CF46:CK46"/>
    <mergeCell ref="A1:CN1"/>
    <mergeCell ref="L36:N36"/>
    <mergeCell ref="D34:K34"/>
    <mergeCell ref="D30:K30"/>
    <mergeCell ref="AI26:AR26"/>
    <mergeCell ref="AS26:BE26"/>
    <mergeCell ref="A26:K26"/>
    <mergeCell ref="A45:AD45"/>
    <mergeCell ref="AF45:BI45"/>
    <mergeCell ref="BK45:CN45"/>
    <mergeCell ref="L26:N26"/>
    <mergeCell ref="O26:U26"/>
    <mergeCell ref="V26:X26"/>
    <mergeCell ref="Y26:AE26"/>
    <mergeCell ref="AF26:AH26"/>
    <mergeCell ref="A29:CN29"/>
    <mergeCell ref="A30:C34"/>
    <mergeCell ref="L30:CN30"/>
    <mergeCell ref="D31:K31"/>
    <mergeCell ref="L31:AC31"/>
    <mergeCell ref="AD31:AV31"/>
    <mergeCell ref="AW31:BG31"/>
    <mergeCell ref="BH31:CN31"/>
    <mergeCell ref="D32:K33"/>
    <mergeCell ref="A2:CN2"/>
    <mergeCell ref="A3:CN3"/>
    <mergeCell ref="CQ4:CQ5"/>
    <mergeCell ref="CR4:CR5"/>
    <mergeCell ref="O23:R23"/>
    <mergeCell ref="S23:T23"/>
    <mergeCell ref="A21:K21"/>
    <mergeCell ref="L21:AG21"/>
    <mergeCell ref="AH21:BE21"/>
    <mergeCell ref="A22:K22"/>
    <mergeCell ref="L22:AG22"/>
    <mergeCell ref="AH22:BE22"/>
    <mergeCell ref="U23:Z23"/>
    <mergeCell ref="A23:K24"/>
    <mergeCell ref="L23:N23"/>
    <mergeCell ref="L24:AB24"/>
    <mergeCell ref="AC24:BD24"/>
    <mergeCell ref="BE24:CN24"/>
    <mergeCell ref="L25:CN25"/>
    <mergeCell ref="CS4:CS5"/>
    <mergeCell ref="A19:K19"/>
    <mergeCell ref="L19:BE19"/>
    <mergeCell ref="A20:K20"/>
    <mergeCell ref="CM6:CN6"/>
    <mergeCell ref="BK7:CJ7"/>
    <mergeCell ref="O8:AA8"/>
    <mergeCell ref="A10:CN12"/>
    <mergeCell ref="A14:CN14"/>
    <mergeCell ref="A17:CN17"/>
    <mergeCell ref="BJ6:BS6"/>
    <mergeCell ref="BT6:BX6"/>
    <mergeCell ref="BY6:BZ6"/>
    <mergeCell ref="CA6:CE6"/>
    <mergeCell ref="CF6:CG6"/>
    <mergeCell ref="CH6:CL6"/>
    <mergeCell ref="L20:BE20"/>
    <mergeCell ref="A18:K18"/>
    <mergeCell ref="L18:N18"/>
    <mergeCell ref="O18:W18"/>
    <mergeCell ref="X18:Z18"/>
    <mergeCell ref="AA18:AI18"/>
    <mergeCell ref="A7:AA7"/>
    <mergeCell ref="BF26:BU26"/>
    <mergeCell ref="BV26:BX26"/>
    <mergeCell ref="BY26:CN26"/>
    <mergeCell ref="AS27:CI27"/>
    <mergeCell ref="CJ27:CN27"/>
    <mergeCell ref="BV40:BX40"/>
    <mergeCell ref="A27:K27"/>
    <mergeCell ref="L27:N27"/>
    <mergeCell ref="O27:U27"/>
    <mergeCell ref="V27:X27"/>
    <mergeCell ref="Y27:AE27"/>
    <mergeCell ref="AF27:AH27"/>
    <mergeCell ref="AI27:AR27"/>
    <mergeCell ref="O32:R32"/>
    <mergeCell ref="S32:T32"/>
    <mergeCell ref="U32:Z32"/>
    <mergeCell ref="L33:AB33"/>
    <mergeCell ref="AC33:BD33"/>
    <mergeCell ref="BE33:CN33"/>
    <mergeCell ref="L34:CN34"/>
    <mergeCell ref="L40:N40"/>
    <mergeCell ref="O40:U40"/>
    <mergeCell ref="P36:CN36"/>
    <mergeCell ref="L37:N37"/>
    <mergeCell ref="O37:R37"/>
    <mergeCell ref="S37:T37"/>
    <mergeCell ref="U37:Z37"/>
    <mergeCell ref="AS41:CI41"/>
    <mergeCell ref="A25:K25"/>
    <mergeCell ref="L32:N32"/>
    <mergeCell ref="A49:X49"/>
    <mergeCell ref="Y49:BO49"/>
    <mergeCell ref="BP49:CN49"/>
    <mergeCell ref="L41:N41"/>
    <mergeCell ref="O41:U41"/>
    <mergeCell ref="V41:X41"/>
    <mergeCell ref="Y41:AE41"/>
    <mergeCell ref="AF41:AH41"/>
    <mergeCell ref="AI41:AR41"/>
    <mergeCell ref="A35:C41"/>
    <mergeCell ref="D35:K35"/>
    <mergeCell ref="L35:AC35"/>
    <mergeCell ref="AD35:AV35"/>
    <mergeCell ref="AW35:BG35"/>
    <mergeCell ref="BH35:CN35"/>
    <mergeCell ref="D36:K38"/>
    <mergeCell ref="L38:AB38"/>
    <mergeCell ref="AC38:BD38"/>
    <mergeCell ref="BE38:CN38"/>
    <mergeCell ref="L39:CN39"/>
    <mergeCell ref="BF40:BU40"/>
    <mergeCell ref="CJ41:CN41"/>
    <mergeCell ref="BY40:CN40"/>
    <mergeCell ref="D39:K39"/>
    <mergeCell ref="A61:AQ61"/>
    <mergeCell ref="AR61:BP61"/>
    <mergeCell ref="A52:AF52"/>
    <mergeCell ref="A51:AF51"/>
    <mergeCell ref="BQ61:CN61"/>
    <mergeCell ref="Z48:CN48"/>
    <mergeCell ref="A46:P46"/>
    <mergeCell ref="AA46:AD46"/>
    <mergeCell ref="Q46:Z46"/>
    <mergeCell ref="BG46:BI46"/>
    <mergeCell ref="BA46:BF46"/>
    <mergeCell ref="AX46:AZ46"/>
    <mergeCell ref="CL46:CN46"/>
    <mergeCell ref="AF47:BI47"/>
    <mergeCell ref="BK47:CN47"/>
    <mergeCell ref="AR46:AW46"/>
    <mergeCell ref="AO46:AQ46"/>
    <mergeCell ref="D41:K41"/>
    <mergeCell ref="AS40:BE40"/>
    <mergeCell ref="D40:K40"/>
    <mergeCell ref="A50:I50"/>
    <mergeCell ref="J50:N50"/>
    <mergeCell ref="O50:S50"/>
    <mergeCell ref="T50:W50"/>
    <mergeCell ref="X50:AB50"/>
    <mergeCell ref="AC50:AF50"/>
    <mergeCell ref="AJ50:AN50"/>
    <mergeCell ref="AO50:AR50"/>
    <mergeCell ref="V40:X40"/>
    <mergeCell ref="Y40:AE40"/>
    <mergeCell ref="AF40:AH40"/>
    <mergeCell ref="AI40:AR40"/>
    <mergeCell ref="AF46:AN46"/>
    <mergeCell ref="A66:CN66"/>
    <mergeCell ref="B67:D67"/>
    <mergeCell ref="E67:CN70"/>
    <mergeCell ref="A53:X53"/>
    <mergeCell ref="A54:CO54"/>
    <mergeCell ref="A55:AQ55"/>
    <mergeCell ref="AR55:BP55"/>
    <mergeCell ref="A57:CO57"/>
    <mergeCell ref="A58:AQ58"/>
    <mergeCell ref="AR58:BP58"/>
    <mergeCell ref="A60:CO60"/>
    <mergeCell ref="A64:CL64"/>
  </mergeCells>
  <phoneticPr fontId="46"/>
  <conditionalFormatting sqref="A50">
    <cfRule type="expression" dxfId="101" priority="35">
      <formula>$A$50=""</formula>
    </cfRule>
  </conditionalFormatting>
  <conditionalFormatting sqref="A55:AQ55">
    <cfRule type="expression" dxfId="100" priority="37">
      <formula>$A$55=""</formula>
    </cfRule>
  </conditionalFormatting>
  <conditionalFormatting sqref="A58:AQ58">
    <cfRule type="expression" dxfId="99" priority="36">
      <formula>$A$58=""</formula>
    </cfRule>
  </conditionalFormatting>
  <conditionalFormatting sqref="B67">
    <cfRule type="expression" dxfId="98" priority="40">
      <formula>$B$67="□"</formula>
    </cfRule>
  </conditionalFormatting>
  <conditionalFormatting sqref="L18 X18">
    <cfRule type="expression" dxfId="97" priority="30">
      <formula>AND($L$18="□",$X$18="□")</formula>
    </cfRule>
  </conditionalFormatting>
  <conditionalFormatting sqref="L21">
    <cfRule type="expression" dxfId="96" priority="64">
      <formula>$L$21=""</formula>
    </cfRule>
  </conditionalFormatting>
  <conditionalFormatting sqref="L36:N36">
    <cfRule type="expression" dxfId="95" priority="50">
      <formula>$L$30&lt;&gt;""</formula>
    </cfRule>
    <cfRule type="expression" dxfId="94" priority="46">
      <formula>ISBLANK($O$37)=FALSE</formula>
    </cfRule>
    <cfRule type="expression" dxfId="93" priority="45">
      <formula>$L$36="■"</formula>
    </cfRule>
  </conditionalFormatting>
  <conditionalFormatting sqref="L18:W18">
    <cfRule type="expression" dxfId="92" priority="27">
      <formula>$X$18="■"</formula>
    </cfRule>
  </conditionalFormatting>
  <conditionalFormatting sqref="L24:AB24">
    <cfRule type="expression" dxfId="91" priority="56">
      <formula>$L$24=""</formula>
    </cfRule>
  </conditionalFormatting>
  <conditionalFormatting sqref="L22:AG22">
    <cfRule type="expression" dxfId="90" priority="59">
      <formula>$L$22=""</formula>
    </cfRule>
  </conditionalFormatting>
  <conditionalFormatting sqref="L19:BE19 L20">
    <cfRule type="expression" dxfId="89" priority="42">
      <formula>AND($X$21="■",$L$22="")</formula>
    </cfRule>
  </conditionalFormatting>
  <conditionalFormatting sqref="L19:BE19">
    <cfRule type="expression" dxfId="88" priority="29">
      <formula>AND($X$18="■",$L$19="")</formula>
    </cfRule>
  </conditionalFormatting>
  <conditionalFormatting sqref="L19:BE20">
    <cfRule type="expression" dxfId="87" priority="43">
      <formula>$L$18="■"</formula>
    </cfRule>
  </conditionalFormatting>
  <conditionalFormatting sqref="L20:BE20">
    <cfRule type="expression" dxfId="86" priority="28">
      <formula>AND($X$18="■",$L$20="")</formula>
    </cfRule>
  </conditionalFormatting>
  <conditionalFormatting sqref="L37:CN39">
    <cfRule type="expression" dxfId="85" priority="49">
      <formula>$L$36="■"</formula>
    </cfRule>
  </conditionalFormatting>
  <conditionalFormatting sqref="O23:R23">
    <cfRule type="expression" dxfId="84" priority="58">
      <formula>$O$23=""</formula>
    </cfRule>
  </conditionalFormatting>
  <conditionalFormatting sqref="O50:S50">
    <cfRule type="expression" dxfId="83" priority="34">
      <formula>$O$50=""</formula>
    </cfRule>
  </conditionalFormatting>
  <conditionalFormatting sqref="O26:U26">
    <cfRule type="expression" dxfId="82" priority="53">
      <formula>$O$26=""</formula>
    </cfRule>
  </conditionalFormatting>
  <conditionalFormatting sqref="Q46:Z46">
    <cfRule type="expression" dxfId="81" priority="11">
      <formula>$Q$46=""</formula>
    </cfRule>
  </conditionalFormatting>
  <conditionalFormatting sqref="U23:Z23">
    <cfRule type="expression" dxfId="80" priority="57">
      <formula>$U$23=""</formula>
    </cfRule>
  </conditionalFormatting>
  <conditionalFormatting sqref="X50:AB50">
    <cfRule type="expression" dxfId="79" priority="33">
      <formula>$X$50=""</formula>
    </cfRule>
  </conditionalFormatting>
  <conditionalFormatting sqref="X18:AI18">
    <cfRule type="expression" dxfId="78" priority="31">
      <formula>$L$18="■"</formula>
    </cfRule>
  </conditionalFormatting>
  <conditionalFormatting sqref="Y26:AE26">
    <cfRule type="expression" dxfId="77" priority="48">
      <formula>$Y$26=""</formula>
    </cfRule>
  </conditionalFormatting>
  <conditionalFormatting sqref="Z48">
    <cfRule type="expression" dxfId="76" priority="4">
      <formula>$Z$48&lt;&gt;""</formula>
    </cfRule>
  </conditionalFormatting>
  <conditionalFormatting sqref="AC24:BD24">
    <cfRule type="expression" dxfId="75" priority="55">
      <formula>$AC$24=""</formula>
    </cfRule>
  </conditionalFormatting>
  <conditionalFormatting sqref="AF46">
    <cfRule type="expression" dxfId="74" priority="13">
      <formula>$AF$46=""</formula>
    </cfRule>
  </conditionalFormatting>
  <conditionalFormatting sqref="AH22">
    <cfRule type="expression" dxfId="73" priority="65">
      <formula>$AH$22=""</formula>
    </cfRule>
  </conditionalFormatting>
  <conditionalFormatting sqref="AH21:BE21">
    <cfRule type="expression" dxfId="72" priority="60">
      <formula>$AH$21=""</formula>
    </cfRule>
  </conditionalFormatting>
  <conditionalFormatting sqref="AI26:AR26">
    <cfRule type="expression" dxfId="71" priority="47">
      <formula>$AI$26=""</formula>
    </cfRule>
  </conditionalFormatting>
  <conditionalFormatting sqref="AR46:AW46">
    <cfRule type="expression" dxfId="70" priority="10">
      <formula>$AR$46=""</formula>
    </cfRule>
  </conditionalFormatting>
  <conditionalFormatting sqref="AS27:CN27">
    <cfRule type="expression" dxfId="69" priority="3">
      <formula>$CJ$27="□"</formula>
    </cfRule>
  </conditionalFormatting>
  <conditionalFormatting sqref="AS41:CN41">
    <cfRule type="expression" dxfId="68" priority="2">
      <formula>$BY$40&lt;&gt;""</formula>
    </cfRule>
    <cfRule type="expression" dxfId="67" priority="1">
      <formula>$CJ$41="■"</formula>
    </cfRule>
  </conditionalFormatting>
  <conditionalFormatting sqref="BA46:BF46">
    <cfRule type="expression" dxfId="66" priority="9">
      <formula>$BA$46=""</formula>
    </cfRule>
  </conditionalFormatting>
  <conditionalFormatting sqref="BE24:CN24">
    <cfRule type="expression" dxfId="65" priority="54">
      <formula>$BE$24=""</formula>
    </cfRule>
  </conditionalFormatting>
  <conditionalFormatting sqref="BF26">
    <cfRule type="expression" dxfId="64" priority="52">
      <formula>$BF$26=""</formula>
    </cfRule>
  </conditionalFormatting>
  <conditionalFormatting sqref="BK46">
    <cfRule type="expression" dxfId="63" priority="12">
      <formula>$BK$46=""</formula>
    </cfRule>
  </conditionalFormatting>
  <conditionalFormatting sqref="BT6:BX6">
    <cfRule type="expression" dxfId="62" priority="63">
      <formula>$BT$6=""</formula>
    </cfRule>
  </conditionalFormatting>
  <conditionalFormatting sqref="BW46">
    <cfRule type="expression" dxfId="61" priority="8">
      <formula>$BW$46=""</formula>
    </cfRule>
  </conditionalFormatting>
  <conditionalFormatting sqref="BY26:CN26">
    <cfRule type="expression" dxfId="60" priority="51">
      <formula>$BY$26=""</formula>
    </cfRule>
  </conditionalFormatting>
  <conditionalFormatting sqref="CA6:CE6">
    <cfRule type="expression" dxfId="59" priority="62">
      <formula>$CA$6=""</formula>
    </cfRule>
  </conditionalFormatting>
  <conditionalFormatting sqref="CF46:CK46">
    <cfRule type="expression" dxfId="58" priority="7">
      <formula>$CF$46=""</formula>
    </cfRule>
  </conditionalFormatting>
  <conditionalFormatting sqref="CH6:CL6">
    <cfRule type="expression" dxfId="57" priority="61">
      <formula>$CH$6=""</formula>
    </cfRule>
  </conditionalFormatting>
  <conditionalFormatting sqref="CR6 CR18:CR27 CR30:CR41 CR46 CR50 CR61 CR67">
    <cfRule type="notContainsBlanks" dxfId="56" priority="44">
      <formula>LEN(TRIM(CR6))&gt;0</formula>
    </cfRule>
  </conditionalFormatting>
  <dataValidations count="12">
    <dataValidation imeMode="disabled" allowBlank="1" showInputMessage="1" showErrorMessage="1" sqref="BW46:CB46 Y26:AE27 AI26:AR27 O40:U41 BF26:BU26 CO27:CP27 BY26:CP26 CS39 BF40:BU40 BY40:CP40 Y40:AE41 AI40:AR41 O26:U27 CO41:CP41" xr:uid="{D4BF2BB3-2F7B-45C1-AF82-32BF30DE6D5A}"/>
    <dataValidation type="list" allowBlank="1" showInputMessage="1" showErrorMessage="1" sqref="L36:N36 B67 X18:Z18 L18:N18 CJ27:CN27 CJ41:CN41" xr:uid="{8B3690D1-D5C6-4FC3-BB3E-3994C176A329}">
      <formula1>"□,■"</formula1>
    </dataValidation>
    <dataValidation type="textLength" imeMode="disabled" operator="equal" allowBlank="1" showInputMessage="1" showErrorMessage="1" error="西暦4桁で入力してください。" sqref="BT6:BX6 A50:I50 BK46:BS46 AF46:AN46" xr:uid="{BF095CB5-0F4C-4E90-8C43-ECB024521AC2}">
      <formula1>4</formula1>
    </dataValidation>
    <dataValidation type="whole" operator="lessThanOrEqual" allowBlank="1" showInputMessage="1" showErrorMessage="1" sqref="Y49:BO49" xr:uid="{DA5F48B7-E454-4003-A455-65FDB7D537F8}">
      <formula1>2000000</formula1>
    </dataValidation>
    <dataValidation imeMode="hiragana" allowBlank="1" showInputMessage="1" showErrorMessage="1" sqref="L21:BE22 L24:CP25 L31:AV31 L33:CP34 L35:AV35 L38:CP39" xr:uid="{622B42DB-BA2C-41BF-B298-2D7B3793CFC6}"/>
    <dataValidation type="custom" imeMode="disabled" allowBlank="1" showInputMessage="1" showErrorMessage="1" sqref="CA6:CE6 AR46:AW46 O50:S50" xr:uid="{2AC1E06D-5242-4387-8586-20F617F9BB78}">
      <formula1>OR(O6=1,O6=2,O6=3,O6=4,O6=5,O6=6,O6=7,O6=8,O6=9,O6=10,O6=11,O6=12)</formula1>
    </dataValidation>
    <dataValidation type="custom" imeMode="disabled" allowBlank="1" showInputMessage="1" showErrorMessage="1" error="日付をご確認ください。" sqref="CH6:CL6" xr:uid="{33A28A86-64BF-40E6-B97F-C0DE5C3F370B}">
      <formula1>DATE(BT6,CA6,CH6)&lt;=EOMONTH(DATE(BT6,CA6,1), 0)</formula1>
    </dataValidation>
    <dataValidation type="textLength" imeMode="disabled" operator="equal" allowBlank="1" showInputMessage="1" showErrorMessage="1" error="入力された桁数が不正です。_x000a_3ケタで再度入力してください。" sqref="O32:R32 O37:R37 O23:R23" xr:uid="{5B623260-BD91-4B41-AAFD-E6D80EADC494}">
      <formula1>3</formula1>
    </dataValidation>
    <dataValidation type="textLength" imeMode="disabled" operator="equal" allowBlank="1" showInputMessage="1" showErrorMessage="1" error="入力された桁数が不正です。_x000a_4ケタで再度入力してください。" sqref="AB37:AK37 AB23:AK23 AB32:AK32 U23:Z23 U32:Z32 U37:Z37" xr:uid="{B052A2A1-893D-474B-A644-ED490D9AC5A7}">
      <formula1>4</formula1>
    </dataValidation>
    <dataValidation type="custom" imeMode="disabled" allowBlank="1" showInputMessage="1" showErrorMessage="1" error="日付をご確認ください。" sqref="AJ50:AN52 X50:AB50" xr:uid="{B9CB9136-686D-4930-9068-DB796110A3AF}">
      <formula1>DATE(A50,O50,X50)&lt;=EOMONTH(DATE(A50,O50,1), 0)</formula1>
    </dataValidation>
    <dataValidation type="textLength" imeMode="disabled" operator="equal" allowBlank="1" showInputMessage="1" showErrorMessage="1" error="入力された桁数が不正です。_x000a_6ケタで再度入力してください。" sqref="Q46:Z46 S44:W44 S47:W48" xr:uid="{042793EF-4D8F-44E0-9105-2E409299C706}">
      <formula1>6</formula1>
    </dataValidation>
    <dataValidation type="custom" imeMode="disabled" allowBlank="1" showInputMessage="1" showErrorMessage="1" error="日付をご確認ください。" sqref="BA46:BF46 CF46:CK46" xr:uid="{138B03D8-66E7-48BE-B1C9-96FA8F0C1A9B}">
      <formula1>DATE(AF46,AR46,BA46)&lt;=EOMONTH(DATE(AF46,AR46,1), 0)</formula1>
    </dataValidation>
  </dataValidations>
  <printOptions horizontalCentered="1"/>
  <pageMargins left="0.27559055118110237" right="0.27559055118110237" top="0.43307086614173229" bottom="0.19685039370078741" header="0.31496062992125984" footer="0.11811023622047245"/>
  <pageSetup paperSize="9" scale="74" fitToHeight="0" orientation="portrait"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D4F9EF-A463-49CA-A988-CD4732FAE596}">
  <dimension ref="A1:BG83"/>
  <sheetViews>
    <sheetView showGridLines="0" showZeros="0" zoomScale="50" zoomScaleNormal="50" zoomScaleSheetLayoutView="50" workbookViewId="0"/>
  </sheetViews>
  <sheetFormatPr defaultColWidth="9" defaultRowHeight="19.2" x14ac:dyDescent="0.2"/>
  <cols>
    <col min="1" max="39" width="3.6640625" style="4" customWidth="1"/>
    <col min="40" max="49" width="3.44140625" style="4" customWidth="1"/>
    <col min="50" max="55" width="3.6640625" style="4" customWidth="1"/>
    <col min="56" max="56" width="3.6640625" style="4" hidden="1" customWidth="1"/>
    <col min="57" max="57" width="3.6640625" style="4" customWidth="1"/>
    <col min="58" max="58" width="5.77734375" style="322" customWidth="1"/>
    <col min="59" max="59" width="51.77734375" style="337" hidden="1" customWidth="1"/>
    <col min="60" max="60" width="51.77734375" style="4" customWidth="1"/>
    <col min="61" max="62" width="3.44140625" style="4" customWidth="1"/>
    <col min="63" max="16384" width="9" style="4"/>
  </cols>
  <sheetData>
    <row r="1" spans="1:59" ht="15.6" customHeight="1" x14ac:dyDescent="0.2">
      <c r="BC1" s="13" t="s">
        <v>1230</v>
      </c>
      <c r="BD1" s="13"/>
      <c r="BE1" s="13"/>
      <c r="BF1" s="164"/>
      <c r="BG1" s="336"/>
    </row>
    <row r="2" spans="1:59" ht="30" customHeight="1" x14ac:dyDescent="0.2">
      <c r="A2" s="509" t="s">
        <v>1231</v>
      </c>
      <c r="B2" s="510"/>
      <c r="C2" s="510"/>
      <c r="D2" s="510"/>
      <c r="E2" s="510"/>
      <c r="F2" s="510"/>
      <c r="G2" s="510"/>
      <c r="H2" s="510"/>
      <c r="I2" s="510"/>
      <c r="J2" s="510"/>
      <c r="K2" s="510"/>
      <c r="L2" s="510"/>
      <c r="M2" s="510"/>
      <c r="N2" s="510"/>
      <c r="O2" s="510"/>
      <c r="P2" s="510"/>
      <c r="Q2" s="510"/>
      <c r="R2" s="510"/>
      <c r="S2" s="510"/>
      <c r="T2" s="510"/>
      <c r="U2" s="510"/>
      <c r="V2" s="510"/>
      <c r="W2" s="510"/>
      <c r="X2" s="510"/>
      <c r="Y2" s="510"/>
      <c r="Z2" s="510"/>
      <c r="AA2" s="510"/>
      <c r="AB2" s="510"/>
      <c r="AC2" s="510"/>
      <c r="AD2" s="510"/>
      <c r="AE2" s="510"/>
      <c r="AF2" s="510"/>
      <c r="AG2" s="510"/>
      <c r="AH2" s="510"/>
      <c r="AI2" s="510"/>
      <c r="AJ2" s="510"/>
      <c r="AK2" s="510"/>
      <c r="AL2" s="510"/>
      <c r="AM2" s="510"/>
      <c r="AN2" s="510"/>
      <c r="AO2" s="510"/>
      <c r="AP2" s="510"/>
      <c r="AQ2" s="510"/>
      <c r="AR2" s="510"/>
      <c r="AS2" s="510"/>
      <c r="AT2" s="510"/>
      <c r="AU2" s="510"/>
      <c r="AV2" s="510"/>
      <c r="AW2" s="510"/>
      <c r="AX2" s="510"/>
      <c r="AY2" s="510"/>
      <c r="AZ2" s="510"/>
      <c r="BA2" s="510"/>
      <c r="BB2" s="510"/>
      <c r="BC2" s="511"/>
      <c r="BD2" s="323"/>
      <c r="BE2" s="323"/>
    </row>
    <row r="3" spans="1:59" ht="7.8" customHeight="1" thickBot="1" x14ac:dyDescent="0.3">
      <c r="A3" s="17"/>
      <c r="B3" s="17"/>
      <c r="C3" s="17"/>
      <c r="D3" s="17"/>
      <c r="E3" s="17"/>
      <c r="F3" s="17"/>
      <c r="G3" s="17"/>
      <c r="H3" s="17"/>
      <c r="I3" s="17"/>
      <c r="J3" s="17"/>
      <c r="K3" s="17"/>
      <c r="L3" s="17"/>
      <c r="M3" s="17"/>
      <c r="N3" s="17"/>
      <c r="O3" s="17"/>
      <c r="P3" s="17"/>
      <c r="Q3" s="17"/>
      <c r="R3" s="17"/>
      <c r="S3" s="17"/>
      <c r="T3" s="17"/>
      <c r="U3" s="17"/>
      <c r="V3" s="17"/>
      <c r="W3" s="17"/>
      <c r="X3" s="17"/>
      <c r="Y3" s="17"/>
      <c r="Z3" s="17"/>
      <c r="AA3" s="17"/>
      <c r="AB3" s="17"/>
      <c r="AC3" s="17"/>
      <c r="AD3" s="17"/>
      <c r="AE3" s="17"/>
      <c r="AF3" s="17"/>
      <c r="AG3" s="17"/>
      <c r="AH3" s="17"/>
      <c r="AI3" s="17"/>
      <c r="AJ3" s="17"/>
      <c r="AK3" s="17"/>
      <c r="AL3" s="17"/>
      <c r="AM3" s="17"/>
      <c r="AX3" s="17"/>
      <c r="AY3" s="17"/>
      <c r="AZ3" s="17"/>
      <c r="BA3" s="17"/>
      <c r="BB3" s="17"/>
      <c r="BC3" s="17"/>
      <c r="BD3" s="324"/>
      <c r="BE3" s="324"/>
    </row>
    <row r="4" spans="1:59" ht="84.6" customHeight="1" thickTop="1" thickBot="1" x14ac:dyDescent="0.25">
      <c r="A4" s="770" t="s">
        <v>1238</v>
      </c>
      <c r="B4" s="771"/>
      <c r="C4" s="771"/>
      <c r="D4" s="771"/>
      <c r="E4" s="771"/>
      <c r="F4" s="771"/>
      <c r="G4" s="771"/>
      <c r="H4" s="771"/>
      <c r="I4" s="771"/>
      <c r="J4" s="771"/>
      <c r="K4" s="771"/>
      <c r="L4" s="771"/>
      <c r="M4" s="771"/>
      <c r="N4" s="771"/>
      <c r="O4" s="771"/>
      <c r="P4" s="771"/>
      <c r="Q4" s="771"/>
      <c r="R4" s="771"/>
      <c r="S4" s="771"/>
      <c r="T4" s="771"/>
      <c r="U4" s="771"/>
      <c r="V4" s="771"/>
      <c r="W4" s="771"/>
      <c r="X4" s="771"/>
      <c r="Y4" s="771"/>
      <c r="Z4" s="771"/>
      <c r="AA4" s="771"/>
      <c r="AB4" s="771"/>
      <c r="AC4" s="771"/>
      <c r="AD4" s="771"/>
      <c r="AE4" s="771"/>
      <c r="AF4" s="771"/>
      <c r="AG4" s="771"/>
      <c r="AH4" s="771"/>
      <c r="AI4" s="771"/>
      <c r="AJ4" s="771"/>
      <c r="AK4" s="771"/>
      <c r="AL4" s="771"/>
      <c r="AM4" s="771"/>
      <c r="AN4" s="771"/>
      <c r="AO4" s="771"/>
      <c r="AP4" s="771"/>
      <c r="AQ4" s="771"/>
      <c r="AR4" s="771"/>
      <c r="AS4" s="771"/>
      <c r="AT4" s="771"/>
      <c r="AU4" s="771"/>
      <c r="AV4" s="771"/>
      <c r="AW4" s="771"/>
      <c r="AX4" s="771"/>
      <c r="AY4" s="771"/>
      <c r="AZ4" s="771"/>
      <c r="BA4" s="771"/>
      <c r="BB4" s="771"/>
      <c r="BC4" s="772"/>
      <c r="BD4" s="325"/>
      <c r="BE4" s="325"/>
    </row>
    <row r="5" spans="1:59" ht="14.4" customHeight="1" thickTop="1" x14ac:dyDescent="0.2">
      <c r="A5" s="326"/>
      <c r="B5" s="325"/>
      <c r="C5" s="325"/>
      <c r="D5" s="325"/>
      <c r="E5" s="325"/>
      <c r="F5" s="325"/>
      <c r="G5" s="325"/>
      <c r="H5" s="325"/>
      <c r="I5" s="325"/>
      <c r="J5" s="325"/>
      <c r="K5" s="325"/>
      <c r="L5" s="325"/>
      <c r="M5" s="325"/>
      <c r="N5" s="325"/>
      <c r="O5" s="325"/>
      <c r="P5" s="325"/>
      <c r="Q5" s="325"/>
      <c r="R5" s="325"/>
      <c r="S5" s="325"/>
      <c r="T5" s="325"/>
      <c r="U5" s="325"/>
      <c r="V5" s="325"/>
      <c r="W5" s="325"/>
      <c r="X5" s="325"/>
      <c r="Y5" s="325"/>
      <c r="Z5" s="325"/>
      <c r="AA5" s="325"/>
      <c r="AB5" s="325"/>
      <c r="AC5" s="325"/>
      <c r="AD5" s="325"/>
      <c r="AE5" s="325"/>
      <c r="AF5" s="325"/>
      <c r="AG5" s="325"/>
      <c r="AH5" s="325"/>
      <c r="AI5" s="325"/>
      <c r="AJ5" s="325"/>
      <c r="AK5" s="325"/>
      <c r="AL5" s="325"/>
      <c r="AM5" s="325"/>
      <c r="AN5" s="325"/>
      <c r="AO5" s="325"/>
      <c r="AP5" s="325"/>
      <c r="AQ5" s="325"/>
      <c r="AR5" s="325"/>
      <c r="AS5" s="325"/>
      <c r="AT5" s="325"/>
      <c r="AU5" s="325"/>
      <c r="AV5" s="325"/>
      <c r="AW5" s="325"/>
      <c r="AX5" s="325"/>
      <c r="AY5" s="325"/>
      <c r="AZ5" s="325"/>
      <c r="BA5" s="325"/>
      <c r="BB5" s="325"/>
      <c r="BC5" s="325"/>
      <c r="BD5" s="325"/>
      <c r="BE5" s="325"/>
    </row>
    <row r="6" spans="1:59" ht="17.25" customHeight="1" x14ac:dyDescent="0.2">
      <c r="A6" s="100"/>
      <c r="B6" s="101"/>
      <c r="C6" s="102" t="s">
        <v>167</v>
      </c>
      <c r="D6" s="16"/>
      <c r="E6" s="16"/>
      <c r="F6" s="16"/>
      <c r="G6" s="773"/>
      <c r="H6" s="774"/>
      <c r="I6" s="102" t="s">
        <v>968</v>
      </c>
      <c r="J6" s="16"/>
      <c r="K6" s="23"/>
      <c r="L6" s="23"/>
      <c r="M6" s="22"/>
      <c r="N6" s="23"/>
      <c r="O6" s="23"/>
      <c r="P6" s="23"/>
      <c r="Q6" s="23"/>
      <c r="R6" s="23"/>
      <c r="S6" s="102"/>
      <c r="T6" s="16"/>
      <c r="U6" s="12"/>
      <c r="V6" s="12"/>
      <c r="W6" s="12"/>
      <c r="X6" s="12"/>
      <c r="Y6" s="12"/>
      <c r="Z6" s="12"/>
      <c r="AA6" s="12"/>
      <c r="AB6" s="12"/>
      <c r="AC6" s="12"/>
      <c r="AD6" s="12"/>
      <c r="AE6" s="12"/>
      <c r="AF6" s="12"/>
      <c r="AG6" s="12"/>
      <c r="AH6" s="12"/>
      <c r="AI6" s="1"/>
      <c r="AJ6" s="1"/>
      <c r="AK6" s="1"/>
      <c r="AL6" s="1"/>
      <c r="AM6" s="1"/>
      <c r="AX6" s="132"/>
      <c r="AY6" s="132"/>
      <c r="AZ6" s="132"/>
      <c r="BA6" s="132"/>
      <c r="BB6" s="132"/>
      <c r="BC6" s="58"/>
      <c r="BD6" s="58"/>
      <c r="BE6" s="58"/>
    </row>
    <row r="7" spans="1:59" ht="13.8" customHeight="1" thickBot="1" x14ac:dyDescent="0.25">
      <c r="A7" s="111"/>
      <c r="B7" s="111"/>
      <c r="C7" s="111"/>
      <c r="D7" s="111"/>
      <c r="E7" s="111"/>
      <c r="F7" s="111"/>
      <c r="AX7" s="132"/>
      <c r="AY7" s="132"/>
      <c r="AZ7" s="132"/>
      <c r="BA7" s="132"/>
      <c r="BB7" s="132"/>
      <c r="BC7" s="58"/>
      <c r="BD7" s="58"/>
      <c r="BE7" s="58"/>
    </row>
    <row r="8" spans="1:59" ht="46.2" customHeight="1" x14ac:dyDescent="0.2">
      <c r="A8" s="775" t="s">
        <v>111</v>
      </c>
      <c r="B8" s="776"/>
      <c r="C8" s="776"/>
      <c r="D8" s="777"/>
      <c r="E8" s="778" t="s">
        <v>112</v>
      </c>
      <c r="F8" s="776"/>
      <c r="G8" s="776"/>
      <c r="H8" s="776"/>
      <c r="I8" s="776"/>
      <c r="J8" s="777"/>
      <c r="K8" s="637" t="s">
        <v>113</v>
      </c>
      <c r="L8" s="638"/>
      <c r="M8" s="638"/>
      <c r="N8" s="638"/>
      <c r="O8" s="638"/>
      <c r="P8" s="638"/>
      <c r="Q8" s="638"/>
      <c r="R8" s="639"/>
      <c r="S8" s="637" t="s">
        <v>35</v>
      </c>
      <c r="T8" s="638"/>
      <c r="U8" s="638"/>
      <c r="V8" s="638"/>
      <c r="W8" s="638"/>
      <c r="X8" s="638"/>
      <c r="Y8" s="638"/>
      <c r="Z8" s="638"/>
      <c r="AA8" s="638"/>
      <c r="AB8" s="638"/>
      <c r="AC8" s="638"/>
      <c r="AD8" s="638"/>
      <c r="AE8" s="638"/>
      <c r="AF8" s="638"/>
      <c r="AG8" s="638"/>
      <c r="AH8" s="638"/>
      <c r="AI8" s="638"/>
      <c r="AJ8" s="639"/>
      <c r="AK8" s="637" t="s">
        <v>133</v>
      </c>
      <c r="AL8" s="638"/>
      <c r="AM8" s="639"/>
      <c r="AN8" s="779" t="s">
        <v>164</v>
      </c>
      <c r="AO8" s="780"/>
      <c r="AP8" s="780"/>
      <c r="AQ8" s="780"/>
      <c r="AR8" s="780"/>
      <c r="AS8" s="780"/>
      <c r="AT8" s="781"/>
      <c r="AU8" s="637" t="s">
        <v>165</v>
      </c>
      <c r="AV8" s="638"/>
      <c r="AW8" s="639"/>
      <c r="AX8" s="640" t="s">
        <v>114</v>
      </c>
      <c r="AY8" s="641"/>
      <c r="AZ8" s="642"/>
      <c r="BA8" s="779" t="s">
        <v>166</v>
      </c>
      <c r="BB8" s="780"/>
      <c r="BC8" s="782"/>
      <c r="BD8" s="28"/>
      <c r="BE8" s="28"/>
      <c r="BF8" s="327" t="s">
        <v>657</v>
      </c>
      <c r="BG8" s="338" t="s">
        <v>153</v>
      </c>
    </row>
    <row r="9" spans="1:59" s="1" customFormat="1" ht="31.8" customHeight="1" x14ac:dyDescent="0.2">
      <c r="A9" s="760"/>
      <c r="B9" s="761"/>
      <c r="C9" s="761"/>
      <c r="D9" s="762"/>
      <c r="E9" s="763"/>
      <c r="F9" s="761"/>
      <c r="G9" s="761"/>
      <c r="H9" s="761"/>
      <c r="I9" s="761"/>
      <c r="J9" s="762"/>
      <c r="K9" s="613" t="str">
        <f>IF(E9="","",IFERROR(VLOOKUP(E9&amp;$A$68,製品リスト!$L$4:$Q$1000,5,0),"SII登録型番を正しく入力してください"))</f>
        <v/>
      </c>
      <c r="L9" s="614"/>
      <c r="M9" s="614"/>
      <c r="N9" s="614"/>
      <c r="O9" s="614"/>
      <c r="P9" s="614"/>
      <c r="Q9" s="614"/>
      <c r="R9" s="615"/>
      <c r="S9" s="613" t="str">
        <f>IF(E9="","",IFERROR(VLOOKUP(E9&amp;$A$68,製品リスト!$L$4:$Q$1000,6,0),"SII登録型番を正しく入力してください"))</f>
        <v/>
      </c>
      <c r="T9" s="614"/>
      <c r="U9" s="614"/>
      <c r="V9" s="614"/>
      <c r="W9" s="614"/>
      <c r="X9" s="614"/>
      <c r="Y9" s="614"/>
      <c r="Z9" s="614"/>
      <c r="AA9" s="614"/>
      <c r="AB9" s="614"/>
      <c r="AC9" s="614"/>
      <c r="AD9" s="614"/>
      <c r="AE9" s="614"/>
      <c r="AF9" s="614"/>
      <c r="AG9" s="614"/>
      <c r="AH9" s="614"/>
      <c r="AI9" s="614"/>
      <c r="AJ9" s="615"/>
      <c r="AK9" s="742" t="str">
        <f t="shared" ref="AK9:AK58" si="0">IF(E9&lt;&gt;"", RIGHT(E9,1),"")</f>
        <v/>
      </c>
      <c r="AL9" s="743"/>
      <c r="AM9" s="744"/>
      <c r="AN9" s="764"/>
      <c r="AO9" s="765"/>
      <c r="AP9" s="765"/>
      <c r="AQ9" s="106" t="s">
        <v>11</v>
      </c>
      <c r="AR9" s="765"/>
      <c r="AS9" s="765"/>
      <c r="AT9" s="766"/>
      <c r="AU9" s="748" t="str">
        <f>IF(AND(AN9&lt;&gt;"",AR9&lt;&gt;""),ROUNDDOWN(AN9*AR9/1000000,2),"")</f>
        <v/>
      </c>
      <c r="AV9" s="749"/>
      <c r="AW9" s="750"/>
      <c r="AX9" s="751" t="str">
        <f>IF(AU9&lt;&gt;"",IF(AU9&lt;0.2,"XS",IF(AU9&lt;1.6,"S",IF(AU9&lt;2.8,"M",IF(AU9&gt;=2.8,"L")))),"")</f>
        <v/>
      </c>
      <c r="AY9" s="752"/>
      <c r="AZ9" s="753"/>
      <c r="BA9" s="767"/>
      <c r="BB9" s="768"/>
      <c r="BC9" s="769"/>
      <c r="BD9" s="118"/>
      <c r="BE9" s="118"/>
      <c r="BF9" s="328">
        <v>1</v>
      </c>
      <c r="BG9" s="329"/>
    </row>
    <row r="10" spans="1:59" s="1" customFormat="1" ht="31.8" customHeight="1" x14ac:dyDescent="0.2">
      <c r="A10" s="738"/>
      <c r="B10" s="739"/>
      <c r="C10" s="739"/>
      <c r="D10" s="740"/>
      <c r="E10" s="741"/>
      <c r="F10" s="739"/>
      <c r="G10" s="739"/>
      <c r="H10" s="739"/>
      <c r="I10" s="739"/>
      <c r="J10" s="740"/>
      <c r="K10" s="613" t="str">
        <f>IF(E10="","",IFERROR(VLOOKUP(E10&amp;$A$68,製品リスト!$L$4:$Q$1000,5,0),"SII登録型番を正しく入力してください"))</f>
        <v/>
      </c>
      <c r="L10" s="614"/>
      <c r="M10" s="614"/>
      <c r="N10" s="614"/>
      <c r="O10" s="614"/>
      <c r="P10" s="614"/>
      <c r="Q10" s="614"/>
      <c r="R10" s="615"/>
      <c r="S10" s="613" t="str">
        <f>IF(E10="","",IFERROR(VLOOKUP(E10&amp;$A$68,製品リスト!$L$4:$Q$1000,6,0),"SII登録型番を正しく入力してください"))</f>
        <v/>
      </c>
      <c r="T10" s="614"/>
      <c r="U10" s="614"/>
      <c r="V10" s="614"/>
      <c r="W10" s="614"/>
      <c r="X10" s="614"/>
      <c r="Y10" s="614"/>
      <c r="Z10" s="614"/>
      <c r="AA10" s="614"/>
      <c r="AB10" s="614"/>
      <c r="AC10" s="614"/>
      <c r="AD10" s="614"/>
      <c r="AE10" s="614"/>
      <c r="AF10" s="614"/>
      <c r="AG10" s="614"/>
      <c r="AH10" s="614"/>
      <c r="AI10" s="614"/>
      <c r="AJ10" s="615"/>
      <c r="AK10" s="742" t="str">
        <f t="shared" si="0"/>
        <v/>
      </c>
      <c r="AL10" s="743"/>
      <c r="AM10" s="744"/>
      <c r="AN10" s="745"/>
      <c r="AO10" s="746"/>
      <c r="AP10" s="746"/>
      <c r="AQ10" s="41" t="s">
        <v>11</v>
      </c>
      <c r="AR10" s="746"/>
      <c r="AS10" s="746"/>
      <c r="AT10" s="747"/>
      <c r="AU10" s="748" t="str">
        <f t="shared" ref="AU10:AU58" si="1">IF(AND(AN10&lt;&gt;"",AR10&lt;&gt;""),ROUNDDOWN(AN10*AR10/1000000,2),"")</f>
        <v/>
      </c>
      <c r="AV10" s="749"/>
      <c r="AW10" s="750"/>
      <c r="AX10" s="751" t="str">
        <f t="shared" ref="AX10:AX58" si="2">IF(AU10&lt;&gt;"",IF(AU10&lt;0.2,"XS",IF(AU10&lt;1.6,"S",IF(AU10&lt;2.8,"M",IF(AU10&gt;=2.8,"L")))),"")</f>
        <v/>
      </c>
      <c r="AY10" s="752"/>
      <c r="AZ10" s="753"/>
      <c r="BA10" s="754"/>
      <c r="BB10" s="755"/>
      <c r="BC10" s="756"/>
      <c r="BD10" s="118"/>
      <c r="BE10" s="118"/>
      <c r="BF10" s="328">
        <v>2</v>
      </c>
      <c r="BG10" s="329"/>
    </row>
    <row r="11" spans="1:59" s="1" customFormat="1" ht="31.8" customHeight="1" x14ac:dyDescent="0.2">
      <c r="A11" s="738"/>
      <c r="B11" s="739"/>
      <c r="C11" s="739"/>
      <c r="D11" s="740"/>
      <c r="E11" s="741"/>
      <c r="F11" s="739"/>
      <c r="G11" s="739"/>
      <c r="H11" s="739"/>
      <c r="I11" s="739"/>
      <c r="J11" s="740"/>
      <c r="K11" s="613" t="str">
        <f>IF(E11="","",IFERROR(VLOOKUP(E11&amp;$A$68,製品リスト!$L$4:$Q$1000,5,0),"SII登録型番を正しく入力してください"))</f>
        <v/>
      </c>
      <c r="L11" s="614"/>
      <c r="M11" s="614"/>
      <c r="N11" s="614"/>
      <c r="O11" s="614"/>
      <c r="P11" s="614"/>
      <c r="Q11" s="614"/>
      <c r="R11" s="615"/>
      <c r="S11" s="613" t="str">
        <f>IF(E11="","",IFERROR(VLOOKUP(E11&amp;$A$68,製品リスト!$L$4:$Q$1000,6,0),"SII登録型番を正しく入力してください"))</f>
        <v/>
      </c>
      <c r="T11" s="614"/>
      <c r="U11" s="614"/>
      <c r="V11" s="614"/>
      <c r="W11" s="614"/>
      <c r="X11" s="614"/>
      <c r="Y11" s="614"/>
      <c r="Z11" s="614"/>
      <c r="AA11" s="614"/>
      <c r="AB11" s="614"/>
      <c r="AC11" s="614"/>
      <c r="AD11" s="614"/>
      <c r="AE11" s="614"/>
      <c r="AF11" s="614"/>
      <c r="AG11" s="614"/>
      <c r="AH11" s="614"/>
      <c r="AI11" s="614"/>
      <c r="AJ11" s="615"/>
      <c r="AK11" s="742" t="str">
        <f t="shared" si="0"/>
        <v/>
      </c>
      <c r="AL11" s="743"/>
      <c r="AM11" s="744"/>
      <c r="AN11" s="745"/>
      <c r="AO11" s="746"/>
      <c r="AP11" s="746"/>
      <c r="AQ11" s="41" t="s">
        <v>11</v>
      </c>
      <c r="AR11" s="746"/>
      <c r="AS11" s="746"/>
      <c r="AT11" s="747"/>
      <c r="AU11" s="748" t="str">
        <f t="shared" si="1"/>
        <v/>
      </c>
      <c r="AV11" s="749"/>
      <c r="AW11" s="750"/>
      <c r="AX11" s="751" t="str">
        <f t="shared" si="2"/>
        <v/>
      </c>
      <c r="AY11" s="752"/>
      <c r="AZ11" s="753"/>
      <c r="BA11" s="754"/>
      <c r="BB11" s="755"/>
      <c r="BC11" s="756"/>
      <c r="BD11" s="118"/>
      <c r="BE11" s="118"/>
      <c r="BF11" s="328">
        <v>3</v>
      </c>
      <c r="BG11" s="329"/>
    </row>
    <row r="12" spans="1:59" s="1" customFormat="1" ht="31.8" customHeight="1" x14ac:dyDescent="0.2">
      <c r="A12" s="738"/>
      <c r="B12" s="739"/>
      <c r="C12" s="739"/>
      <c r="D12" s="740"/>
      <c r="E12" s="741"/>
      <c r="F12" s="739"/>
      <c r="G12" s="739"/>
      <c r="H12" s="739"/>
      <c r="I12" s="739"/>
      <c r="J12" s="740"/>
      <c r="K12" s="613" t="str">
        <f>IF(E12="","",IFERROR(VLOOKUP(E12&amp;$A$68,製品リスト!$L$4:$Q$1000,5,0),"SII登録型番を正しく入力してください"))</f>
        <v/>
      </c>
      <c r="L12" s="614"/>
      <c r="M12" s="614"/>
      <c r="N12" s="614"/>
      <c r="O12" s="614"/>
      <c r="P12" s="614"/>
      <c r="Q12" s="614"/>
      <c r="R12" s="615"/>
      <c r="S12" s="613" t="str">
        <f>IF(E12="","",IFERROR(VLOOKUP(E12&amp;$A$68,製品リスト!$L$4:$Q$1000,6,0),"SII登録型番を正しく入力してください"))</f>
        <v/>
      </c>
      <c r="T12" s="614"/>
      <c r="U12" s="614"/>
      <c r="V12" s="614"/>
      <c r="W12" s="614"/>
      <c r="X12" s="614"/>
      <c r="Y12" s="614"/>
      <c r="Z12" s="614"/>
      <c r="AA12" s="614"/>
      <c r="AB12" s="614"/>
      <c r="AC12" s="614"/>
      <c r="AD12" s="614"/>
      <c r="AE12" s="614"/>
      <c r="AF12" s="614"/>
      <c r="AG12" s="614"/>
      <c r="AH12" s="614"/>
      <c r="AI12" s="614"/>
      <c r="AJ12" s="615"/>
      <c r="AK12" s="742" t="str">
        <f t="shared" si="0"/>
        <v/>
      </c>
      <c r="AL12" s="743"/>
      <c r="AM12" s="744"/>
      <c r="AN12" s="745"/>
      <c r="AO12" s="746"/>
      <c r="AP12" s="746"/>
      <c r="AQ12" s="41" t="s">
        <v>11</v>
      </c>
      <c r="AR12" s="746"/>
      <c r="AS12" s="746"/>
      <c r="AT12" s="747"/>
      <c r="AU12" s="748" t="str">
        <f t="shared" si="1"/>
        <v/>
      </c>
      <c r="AV12" s="749"/>
      <c r="AW12" s="750"/>
      <c r="AX12" s="751" t="str">
        <f t="shared" si="2"/>
        <v/>
      </c>
      <c r="AY12" s="752"/>
      <c r="AZ12" s="753"/>
      <c r="BA12" s="754"/>
      <c r="BB12" s="755"/>
      <c r="BC12" s="756"/>
      <c r="BD12" s="118"/>
      <c r="BE12" s="118"/>
      <c r="BF12" s="328">
        <v>4</v>
      </c>
      <c r="BG12" s="329"/>
    </row>
    <row r="13" spans="1:59" s="1" customFormat="1" ht="31.8" customHeight="1" x14ac:dyDescent="0.2">
      <c r="A13" s="738"/>
      <c r="B13" s="739"/>
      <c r="C13" s="739"/>
      <c r="D13" s="740"/>
      <c r="E13" s="741"/>
      <c r="F13" s="739"/>
      <c r="G13" s="739"/>
      <c r="H13" s="739"/>
      <c r="I13" s="739"/>
      <c r="J13" s="740"/>
      <c r="K13" s="613" t="str">
        <f>IF(E13="","",IFERROR(VLOOKUP(E13&amp;$A$68,製品リスト!$L$4:$Q$1000,5,0),"SII登録型番を正しく入力してください"))</f>
        <v/>
      </c>
      <c r="L13" s="614"/>
      <c r="M13" s="614"/>
      <c r="N13" s="614"/>
      <c r="O13" s="614"/>
      <c r="P13" s="614"/>
      <c r="Q13" s="614"/>
      <c r="R13" s="615"/>
      <c r="S13" s="613" t="str">
        <f>IF(E13="","",IFERROR(VLOOKUP(E13&amp;$A$68,製品リスト!$L$4:$Q$1000,6,0),"SII登録型番を正しく入力してください"))</f>
        <v/>
      </c>
      <c r="T13" s="614"/>
      <c r="U13" s="614"/>
      <c r="V13" s="614"/>
      <c r="W13" s="614"/>
      <c r="X13" s="614"/>
      <c r="Y13" s="614"/>
      <c r="Z13" s="614"/>
      <c r="AA13" s="614"/>
      <c r="AB13" s="614"/>
      <c r="AC13" s="614"/>
      <c r="AD13" s="614"/>
      <c r="AE13" s="614"/>
      <c r="AF13" s="614"/>
      <c r="AG13" s="614"/>
      <c r="AH13" s="614"/>
      <c r="AI13" s="614"/>
      <c r="AJ13" s="615"/>
      <c r="AK13" s="742" t="str">
        <f t="shared" si="0"/>
        <v/>
      </c>
      <c r="AL13" s="743"/>
      <c r="AM13" s="744"/>
      <c r="AN13" s="745"/>
      <c r="AO13" s="746"/>
      <c r="AP13" s="746"/>
      <c r="AQ13" s="41" t="s">
        <v>11</v>
      </c>
      <c r="AR13" s="746"/>
      <c r="AS13" s="746"/>
      <c r="AT13" s="747"/>
      <c r="AU13" s="748" t="str">
        <f t="shared" si="1"/>
        <v/>
      </c>
      <c r="AV13" s="749"/>
      <c r="AW13" s="750"/>
      <c r="AX13" s="751" t="str">
        <f t="shared" si="2"/>
        <v/>
      </c>
      <c r="AY13" s="752"/>
      <c r="AZ13" s="753"/>
      <c r="BA13" s="754"/>
      <c r="BB13" s="755"/>
      <c r="BC13" s="756"/>
      <c r="BD13" s="118"/>
      <c r="BE13" s="118"/>
      <c r="BF13" s="328">
        <v>5</v>
      </c>
      <c r="BG13" s="329"/>
    </row>
    <row r="14" spans="1:59" s="1" customFormat="1" ht="31.8" customHeight="1" x14ac:dyDescent="0.2">
      <c r="A14" s="738"/>
      <c r="B14" s="739"/>
      <c r="C14" s="739"/>
      <c r="D14" s="740"/>
      <c r="E14" s="741"/>
      <c r="F14" s="739"/>
      <c r="G14" s="739"/>
      <c r="H14" s="739"/>
      <c r="I14" s="739"/>
      <c r="J14" s="740"/>
      <c r="K14" s="613" t="str">
        <f>IF(E14="","",IFERROR(VLOOKUP(E14&amp;$A$68,製品リスト!$L$4:$Q$1000,5,0),"SII登録型番を正しく入力してください"))</f>
        <v/>
      </c>
      <c r="L14" s="614"/>
      <c r="M14" s="614"/>
      <c r="N14" s="614"/>
      <c r="O14" s="614"/>
      <c r="P14" s="614"/>
      <c r="Q14" s="614"/>
      <c r="R14" s="615"/>
      <c r="S14" s="613" t="str">
        <f>IF(E14="","",IFERROR(VLOOKUP(E14&amp;$A$68,製品リスト!$L$4:$Q$1000,6,0),"SII登録型番を正しく入力してください"))</f>
        <v/>
      </c>
      <c r="T14" s="614"/>
      <c r="U14" s="614"/>
      <c r="V14" s="614"/>
      <c r="W14" s="614"/>
      <c r="X14" s="614"/>
      <c r="Y14" s="614"/>
      <c r="Z14" s="614"/>
      <c r="AA14" s="614"/>
      <c r="AB14" s="614"/>
      <c r="AC14" s="614"/>
      <c r="AD14" s="614"/>
      <c r="AE14" s="614"/>
      <c r="AF14" s="614"/>
      <c r="AG14" s="614"/>
      <c r="AH14" s="614"/>
      <c r="AI14" s="614"/>
      <c r="AJ14" s="615"/>
      <c r="AK14" s="742" t="str">
        <f t="shared" si="0"/>
        <v/>
      </c>
      <c r="AL14" s="743"/>
      <c r="AM14" s="744"/>
      <c r="AN14" s="745"/>
      <c r="AO14" s="746"/>
      <c r="AP14" s="746"/>
      <c r="AQ14" s="41" t="s">
        <v>11</v>
      </c>
      <c r="AR14" s="746"/>
      <c r="AS14" s="746"/>
      <c r="AT14" s="747"/>
      <c r="AU14" s="748" t="str">
        <f t="shared" si="1"/>
        <v/>
      </c>
      <c r="AV14" s="749"/>
      <c r="AW14" s="750"/>
      <c r="AX14" s="751" t="str">
        <f t="shared" si="2"/>
        <v/>
      </c>
      <c r="AY14" s="752"/>
      <c r="AZ14" s="753"/>
      <c r="BA14" s="754"/>
      <c r="BB14" s="755"/>
      <c r="BC14" s="756"/>
      <c r="BD14" s="118"/>
      <c r="BE14" s="118"/>
      <c r="BF14" s="328">
        <v>6</v>
      </c>
      <c r="BG14" s="329"/>
    </row>
    <row r="15" spans="1:59" s="1" customFormat="1" ht="31.8" customHeight="1" x14ac:dyDescent="0.2">
      <c r="A15" s="738"/>
      <c r="B15" s="739"/>
      <c r="C15" s="739"/>
      <c r="D15" s="740"/>
      <c r="E15" s="741"/>
      <c r="F15" s="739"/>
      <c r="G15" s="739"/>
      <c r="H15" s="739"/>
      <c r="I15" s="739"/>
      <c r="J15" s="740"/>
      <c r="K15" s="613" t="str">
        <f>IF(E15="","",IFERROR(VLOOKUP(E15&amp;$A$68,製品リスト!$L$4:$Q$1000,5,0),"SII登録型番を正しく入力してください"))</f>
        <v/>
      </c>
      <c r="L15" s="614"/>
      <c r="M15" s="614"/>
      <c r="N15" s="614"/>
      <c r="O15" s="614"/>
      <c r="P15" s="614"/>
      <c r="Q15" s="614"/>
      <c r="R15" s="615"/>
      <c r="S15" s="613" t="str">
        <f>IF(E15="","",IFERROR(VLOOKUP(E15&amp;$A$68,製品リスト!$L$4:$Q$1000,6,0),"SII登録型番を正しく入力してください"))</f>
        <v/>
      </c>
      <c r="T15" s="614"/>
      <c r="U15" s="614"/>
      <c r="V15" s="614"/>
      <c r="W15" s="614"/>
      <c r="X15" s="614"/>
      <c r="Y15" s="614"/>
      <c r="Z15" s="614"/>
      <c r="AA15" s="614"/>
      <c r="AB15" s="614"/>
      <c r="AC15" s="614"/>
      <c r="AD15" s="614"/>
      <c r="AE15" s="614"/>
      <c r="AF15" s="614"/>
      <c r="AG15" s="614"/>
      <c r="AH15" s="614"/>
      <c r="AI15" s="614"/>
      <c r="AJ15" s="615"/>
      <c r="AK15" s="742" t="str">
        <f t="shared" si="0"/>
        <v/>
      </c>
      <c r="AL15" s="743"/>
      <c r="AM15" s="744"/>
      <c r="AN15" s="745"/>
      <c r="AO15" s="746"/>
      <c r="AP15" s="746"/>
      <c r="AQ15" s="41" t="s">
        <v>11</v>
      </c>
      <c r="AR15" s="746"/>
      <c r="AS15" s="746"/>
      <c r="AT15" s="747"/>
      <c r="AU15" s="748" t="str">
        <f t="shared" si="1"/>
        <v/>
      </c>
      <c r="AV15" s="749"/>
      <c r="AW15" s="750"/>
      <c r="AX15" s="751" t="str">
        <f t="shared" si="2"/>
        <v/>
      </c>
      <c r="AY15" s="752"/>
      <c r="AZ15" s="753"/>
      <c r="BA15" s="754"/>
      <c r="BB15" s="755"/>
      <c r="BC15" s="756"/>
      <c r="BD15" s="118"/>
      <c r="BE15" s="118"/>
      <c r="BF15" s="328">
        <v>7</v>
      </c>
      <c r="BG15" s="329"/>
    </row>
    <row r="16" spans="1:59" s="1" customFormat="1" ht="31.8" customHeight="1" x14ac:dyDescent="0.2">
      <c r="A16" s="738"/>
      <c r="B16" s="739"/>
      <c r="C16" s="739"/>
      <c r="D16" s="740"/>
      <c r="E16" s="741"/>
      <c r="F16" s="739"/>
      <c r="G16" s="739"/>
      <c r="H16" s="739"/>
      <c r="I16" s="739"/>
      <c r="J16" s="740"/>
      <c r="K16" s="613" t="str">
        <f>IF(E16="","",IFERROR(VLOOKUP(E16&amp;$A$68,製品リスト!$L$4:$Q$1000,5,0),"SII登録型番を正しく入力してください"))</f>
        <v/>
      </c>
      <c r="L16" s="614"/>
      <c r="M16" s="614"/>
      <c r="N16" s="614"/>
      <c r="O16" s="614"/>
      <c r="P16" s="614"/>
      <c r="Q16" s="614"/>
      <c r="R16" s="615"/>
      <c r="S16" s="613" t="str">
        <f>IF(E16="","",IFERROR(VLOOKUP(E16&amp;$A$68,製品リスト!$L$4:$Q$1000,6,0),"SII登録型番を正しく入力してください"))</f>
        <v/>
      </c>
      <c r="T16" s="614"/>
      <c r="U16" s="614"/>
      <c r="V16" s="614"/>
      <c r="W16" s="614"/>
      <c r="X16" s="614"/>
      <c r="Y16" s="614"/>
      <c r="Z16" s="614"/>
      <c r="AA16" s="614"/>
      <c r="AB16" s="614"/>
      <c r="AC16" s="614"/>
      <c r="AD16" s="614"/>
      <c r="AE16" s="614"/>
      <c r="AF16" s="614"/>
      <c r="AG16" s="614"/>
      <c r="AH16" s="614"/>
      <c r="AI16" s="614"/>
      <c r="AJ16" s="615"/>
      <c r="AK16" s="742" t="str">
        <f t="shared" si="0"/>
        <v/>
      </c>
      <c r="AL16" s="743"/>
      <c r="AM16" s="744"/>
      <c r="AN16" s="745"/>
      <c r="AO16" s="746"/>
      <c r="AP16" s="746"/>
      <c r="AQ16" s="41" t="s">
        <v>11</v>
      </c>
      <c r="AR16" s="746"/>
      <c r="AS16" s="746"/>
      <c r="AT16" s="747"/>
      <c r="AU16" s="748" t="str">
        <f t="shared" si="1"/>
        <v/>
      </c>
      <c r="AV16" s="749"/>
      <c r="AW16" s="750"/>
      <c r="AX16" s="751" t="str">
        <f t="shared" si="2"/>
        <v/>
      </c>
      <c r="AY16" s="752"/>
      <c r="AZ16" s="753"/>
      <c r="BA16" s="754"/>
      <c r="BB16" s="755"/>
      <c r="BC16" s="756"/>
      <c r="BD16" s="118"/>
      <c r="BE16" s="118"/>
      <c r="BF16" s="328">
        <v>8</v>
      </c>
      <c r="BG16" s="329"/>
    </row>
    <row r="17" spans="1:59" s="1" customFormat="1" ht="31.8" customHeight="1" x14ac:dyDescent="0.2">
      <c r="A17" s="738"/>
      <c r="B17" s="739"/>
      <c r="C17" s="739"/>
      <c r="D17" s="740"/>
      <c r="E17" s="741"/>
      <c r="F17" s="739"/>
      <c r="G17" s="739"/>
      <c r="H17" s="739"/>
      <c r="I17" s="739"/>
      <c r="J17" s="740"/>
      <c r="K17" s="613" t="str">
        <f>IF(E17="","",IFERROR(VLOOKUP(E17&amp;$A$68,製品リスト!$L$4:$Q$1000,5,0),"SII登録型番を正しく入力してください"))</f>
        <v/>
      </c>
      <c r="L17" s="614"/>
      <c r="M17" s="614"/>
      <c r="N17" s="614"/>
      <c r="O17" s="614"/>
      <c r="P17" s="614"/>
      <c r="Q17" s="614"/>
      <c r="R17" s="615"/>
      <c r="S17" s="613" t="str">
        <f>IF(E17="","",IFERROR(VLOOKUP(E17&amp;$A$68,製品リスト!$L$4:$Q$1000,6,0),"SII登録型番を正しく入力してください"))</f>
        <v/>
      </c>
      <c r="T17" s="614"/>
      <c r="U17" s="614"/>
      <c r="V17" s="614"/>
      <c r="W17" s="614"/>
      <c r="X17" s="614"/>
      <c r="Y17" s="614"/>
      <c r="Z17" s="614"/>
      <c r="AA17" s="614"/>
      <c r="AB17" s="614"/>
      <c r="AC17" s="614"/>
      <c r="AD17" s="614"/>
      <c r="AE17" s="614"/>
      <c r="AF17" s="614"/>
      <c r="AG17" s="614"/>
      <c r="AH17" s="614"/>
      <c r="AI17" s="614"/>
      <c r="AJ17" s="615"/>
      <c r="AK17" s="742" t="str">
        <f t="shared" si="0"/>
        <v/>
      </c>
      <c r="AL17" s="743"/>
      <c r="AM17" s="744"/>
      <c r="AN17" s="745"/>
      <c r="AO17" s="746"/>
      <c r="AP17" s="746"/>
      <c r="AQ17" s="41" t="s">
        <v>11</v>
      </c>
      <c r="AR17" s="746"/>
      <c r="AS17" s="746"/>
      <c r="AT17" s="747"/>
      <c r="AU17" s="748" t="str">
        <f t="shared" si="1"/>
        <v/>
      </c>
      <c r="AV17" s="749"/>
      <c r="AW17" s="750"/>
      <c r="AX17" s="751" t="str">
        <f t="shared" si="2"/>
        <v/>
      </c>
      <c r="AY17" s="752"/>
      <c r="AZ17" s="753"/>
      <c r="BA17" s="754"/>
      <c r="BB17" s="755"/>
      <c r="BC17" s="756"/>
      <c r="BD17" s="118"/>
      <c r="BE17" s="118"/>
      <c r="BF17" s="328">
        <v>9</v>
      </c>
      <c r="BG17" s="329"/>
    </row>
    <row r="18" spans="1:59" s="1" customFormat="1" ht="31.8" customHeight="1" x14ac:dyDescent="0.2">
      <c r="A18" s="738"/>
      <c r="B18" s="739"/>
      <c r="C18" s="739"/>
      <c r="D18" s="740"/>
      <c r="E18" s="741"/>
      <c r="F18" s="739"/>
      <c r="G18" s="739"/>
      <c r="H18" s="739"/>
      <c r="I18" s="739"/>
      <c r="J18" s="740"/>
      <c r="K18" s="613" t="str">
        <f>IF(E18="","",IFERROR(VLOOKUP(E18&amp;$A$68,製品リスト!$L$4:$Q$1000,5,0),"SII登録型番を正しく入力してください"))</f>
        <v/>
      </c>
      <c r="L18" s="614"/>
      <c r="M18" s="614"/>
      <c r="N18" s="614"/>
      <c r="O18" s="614"/>
      <c r="P18" s="614"/>
      <c r="Q18" s="614"/>
      <c r="R18" s="615"/>
      <c r="S18" s="613" t="str">
        <f>IF(E18="","",IFERROR(VLOOKUP(E18&amp;$A$68,製品リスト!$L$4:$Q$1000,6,0),"SII登録型番を正しく入力してください"))</f>
        <v/>
      </c>
      <c r="T18" s="614"/>
      <c r="U18" s="614"/>
      <c r="V18" s="614"/>
      <c r="W18" s="614"/>
      <c r="X18" s="614"/>
      <c r="Y18" s="614"/>
      <c r="Z18" s="614"/>
      <c r="AA18" s="614"/>
      <c r="AB18" s="614"/>
      <c r="AC18" s="614"/>
      <c r="AD18" s="614"/>
      <c r="AE18" s="614"/>
      <c r="AF18" s="614"/>
      <c r="AG18" s="614"/>
      <c r="AH18" s="614"/>
      <c r="AI18" s="614"/>
      <c r="AJ18" s="615"/>
      <c r="AK18" s="742" t="str">
        <f t="shared" si="0"/>
        <v/>
      </c>
      <c r="AL18" s="743"/>
      <c r="AM18" s="744"/>
      <c r="AN18" s="745"/>
      <c r="AO18" s="746"/>
      <c r="AP18" s="746"/>
      <c r="AQ18" s="41" t="s">
        <v>11</v>
      </c>
      <c r="AR18" s="746"/>
      <c r="AS18" s="746"/>
      <c r="AT18" s="747"/>
      <c r="AU18" s="748" t="str">
        <f t="shared" si="1"/>
        <v/>
      </c>
      <c r="AV18" s="749"/>
      <c r="AW18" s="750"/>
      <c r="AX18" s="751" t="str">
        <f t="shared" si="2"/>
        <v/>
      </c>
      <c r="AY18" s="752"/>
      <c r="AZ18" s="753"/>
      <c r="BA18" s="754"/>
      <c r="BB18" s="755"/>
      <c r="BC18" s="756"/>
      <c r="BD18" s="118"/>
      <c r="BE18" s="118"/>
      <c r="BF18" s="328">
        <v>10</v>
      </c>
      <c r="BG18" s="329"/>
    </row>
    <row r="19" spans="1:59" s="1" customFormat="1" ht="31.8" customHeight="1" x14ac:dyDescent="0.2">
      <c r="A19" s="738"/>
      <c r="B19" s="739"/>
      <c r="C19" s="739"/>
      <c r="D19" s="740"/>
      <c r="E19" s="741"/>
      <c r="F19" s="739"/>
      <c r="G19" s="739"/>
      <c r="H19" s="739"/>
      <c r="I19" s="739"/>
      <c r="J19" s="740"/>
      <c r="K19" s="613" t="str">
        <f>IF(E19="","",IFERROR(VLOOKUP(E19&amp;$A$68,製品リスト!$L$4:$Q$1000,5,0),"SII登録型番を正しく入力してください"))</f>
        <v/>
      </c>
      <c r="L19" s="614"/>
      <c r="M19" s="614"/>
      <c r="N19" s="614"/>
      <c r="O19" s="614"/>
      <c r="P19" s="614"/>
      <c r="Q19" s="614"/>
      <c r="R19" s="615"/>
      <c r="S19" s="613" t="str">
        <f>IF(E19="","",IFERROR(VLOOKUP(E19&amp;$A$68,製品リスト!$L$4:$Q$1000,6,0),"SII登録型番を正しく入力してください"))</f>
        <v/>
      </c>
      <c r="T19" s="614"/>
      <c r="U19" s="614"/>
      <c r="V19" s="614"/>
      <c r="W19" s="614"/>
      <c r="X19" s="614"/>
      <c r="Y19" s="614"/>
      <c r="Z19" s="614"/>
      <c r="AA19" s="614"/>
      <c r="AB19" s="614"/>
      <c r="AC19" s="614"/>
      <c r="AD19" s="614"/>
      <c r="AE19" s="614"/>
      <c r="AF19" s="614"/>
      <c r="AG19" s="614"/>
      <c r="AH19" s="614"/>
      <c r="AI19" s="614"/>
      <c r="AJ19" s="615"/>
      <c r="AK19" s="742" t="str">
        <f t="shared" si="0"/>
        <v/>
      </c>
      <c r="AL19" s="743"/>
      <c r="AM19" s="744"/>
      <c r="AN19" s="745"/>
      <c r="AO19" s="746"/>
      <c r="AP19" s="746"/>
      <c r="AQ19" s="41" t="s">
        <v>11</v>
      </c>
      <c r="AR19" s="746"/>
      <c r="AS19" s="746"/>
      <c r="AT19" s="747"/>
      <c r="AU19" s="748" t="str">
        <f t="shared" si="1"/>
        <v/>
      </c>
      <c r="AV19" s="749"/>
      <c r="AW19" s="750"/>
      <c r="AX19" s="751" t="str">
        <f t="shared" si="2"/>
        <v/>
      </c>
      <c r="AY19" s="752"/>
      <c r="AZ19" s="753"/>
      <c r="BA19" s="713"/>
      <c r="BB19" s="714"/>
      <c r="BC19" s="715"/>
      <c r="BD19" s="118"/>
      <c r="BE19" s="118"/>
      <c r="BF19" s="328">
        <v>11</v>
      </c>
      <c r="BG19" s="329"/>
    </row>
    <row r="20" spans="1:59" s="1" customFormat="1" ht="31.8" customHeight="1" x14ac:dyDescent="0.2">
      <c r="A20" s="738"/>
      <c r="B20" s="739"/>
      <c r="C20" s="739"/>
      <c r="D20" s="740"/>
      <c r="E20" s="741"/>
      <c r="F20" s="739"/>
      <c r="G20" s="739"/>
      <c r="H20" s="739"/>
      <c r="I20" s="739"/>
      <c r="J20" s="740"/>
      <c r="K20" s="613" t="str">
        <f>IF(E20="","",IFERROR(VLOOKUP(E20&amp;$A$68,製品リスト!$L$4:$Q$1000,5,0),"SII登録型番を正しく入力してください"))</f>
        <v/>
      </c>
      <c r="L20" s="614"/>
      <c r="M20" s="614"/>
      <c r="N20" s="614"/>
      <c r="O20" s="614"/>
      <c r="P20" s="614"/>
      <c r="Q20" s="614"/>
      <c r="R20" s="615"/>
      <c r="S20" s="613" t="str">
        <f>IF(E20="","",IFERROR(VLOOKUP(E20&amp;$A$68,製品リスト!$L$4:$Q$1000,6,0),"SII登録型番を正しく入力してください"))</f>
        <v/>
      </c>
      <c r="T20" s="614"/>
      <c r="U20" s="614"/>
      <c r="V20" s="614"/>
      <c r="W20" s="614"/>
      <c r="X20" s="614"/>
      <c r="Y20" s="614"/>
      <c r="Z20" s="614"/>
      <c r="AA20" s="614"/>
      <c r="AB20" s="614"/>
      <c r="AC20" s="614"/>
      <c r="AD20" s="614"/>
      <c r="AE20" s="614"/>
      <c r="AF20" s="614"/>
      <c r="AG20" s="614"/>
      <c r="AH20" s="614"/>
      <c r="AI20" s="614"/>
      <c r="AJ20" s="615"/>
      <c r="AK20" s="742" t="str">
        <f t="shared" si="0"/>
        <v/>
      </c>
      <c r="AL20" s="743"/>
      <c r="AM20" s="744"/>
      <c r="AN20" s="745"/>
      <c r="AO20" s="746"/>
      <c r="AP20" s="746"/>
      <c r="AQ20" s="41" t="s">
        <v>11</v>
      </c>
      <c r="AR20" s="746"/>
      <c r="AS20" s="746"/>
      <c r="AT20" s="747"/>
      <c r="AU20" s="748" t="str">
        <f t="shared" si="1"/>
        <v/>
      </c>
      <c r="AV20" s="749"/>
      <c r="AW20" s="750"/>
      <c r="AX20" s="751" t="str">
        <f t="shared" si="2"/>
        <v/>
      </c>
      <c r="AY20" s="752"/>
      <c r="AZ20" s="753"/>
      <c r="BA20" s="713"/>
      <c r="BB20" s="714"/>
      <c r="BC20" s="715"/>
      <c r="BD20" s="118"/>
      <c r="BE20" s="118"/>
      <c r="BF20" s="328">
        <v>12</v>
      </c>
      <c r="BG20" s="329"/>
    </row>
    <row r="21" spans="1:59" s="1" customFormat="1" ht="31.8" customHeight="1" x14ac:dyDescent="0.2">
      <c r="A21" s="738"/>
      <c r="B21" s="739"/>
      <c r="C21" s="739"/>
      <c r="D21" s="740"/>
      <c r="E21" s="741"/>
      <c r="F21" s="739"/>
      <c r="G21" s="739"/>
      <c r="H21" s="739"/>
      <c r="I21" s="739"/>
      <c r="J21" s="740"/>
      <c r="K21" s="613" t="str">
        <f>IF(E21="","",IFERROR(VLOOKUP(E21&amp;$A$68,製品リスト!$L$4:$Q$1000,5,0),"SII登録型番を正しく入力してください"))</f>
        <v/>
      </c>
      <c r="L21" s="614"/>
      <c r="M21" s="614"/>
      <c r="N21" s="614"/>
      <c r="O21" s="614"/>
      <c r="P21" s="614"/>
      <c r="Q21" s="614"/>
      <c r="R21" s="615"/>
      <c r="S21" s="613" t="str">
        <f>IF(E21="","",IFERROR(VLOOKUP(E21&amp;$A$68,製品リスト!$L$4:$Q$1000,6,0),"SII登録型番を正しく入力してください"))</f>
        <v/>
      </c>
      <c r="T21" s="614"/>
      <c r="U21" s="614"/>
      <c r="V21" s="614"/>
      <c r="W21" s="614"/>
      <c r="X21" s="614"/>
      <c r="Y21" s="614"/>
      <c r="Z21" s="614"/>
      <c r="AA21" s="614"/>
      <c r="AB21" s="614"/>
      <c r="AC21" s="614"/>
      <c r="AD21" s="614"/>
      <c r="AE21" s="614"/>
      <c r="AF21" s="614"/>
      <c r="AG21" s="614"/>
      <c r="AH21" s="614"/>
      <c r="AI21" s="614"/>
      <c r="AJ21" s="615"/>
      <c r="AK21" s="742" t="str">
        <f t="shared" si="0"/>
        <v/>
      </c>
      <c r="AL21" s="743"/>
      <c r="AM21" s="744"/>
      <c r="AN21" s="745"/>
      <c r="AO21" s="746"/>
      <c r="AP21" s="746"/>
      <c r="AQ21" s="41" t="s">
        <v>11</v>
      </c>
      <c r="AR21" s="746"/>
      <c r="AS21" s="746"/>
      <c r="AT21" s="747"/>
      <c r="AU21" s="748" t="str">
        <f t="shared" si="1"/>
        <v/>
      </c>
      <c r="AV21" s="749"/>
      <c r="AW21" s="750"/>
      <c r="AX21" s="751" t="str">
        <f t="shared" si="2"/>
        <v/>
      </c>
      <c r="AY21" s="752"/>
      <c r="AZ21" s="753"/>
      <c r="BA21" s="754"/>
      <c r="BB21" s="755"/>
      <c r="BC21" s="756"/>
      <c r="BD21" s="118"/>
      <c r="BE21" s="118"/>
      <c r="BF21" s="328">
        <v>13</v>
      </c>
      <c r="BG21" s="329"/>
    </row>
    <row r="22" spans="1:59" s="1" customFormat="1" ht="31.8" customHeight="1" x14ac:dyDescent="0.2">
      <c r="A22" s="738"/>
      <c r="B22" s="739"/>
      <c r="C22" s="739"/>
      <c r="D22" s="740"/>
      <c r="E22" s="741"/>
      <c r="F22" s="739"/>
      <c r="G22" s="739"/>
      <c r="H22" s="739"/>
      <c r="I22" s="739"/>
      <c r="J22" s="740"/>
      <c r="K22" s="613" t="str">
        <f>IF(E22="","",IFERROR(VLOOKUP(E22&amp;$A$68,製品リスト!$L$4:$Q$1000,5,0),"SII登録型番を正しく入力してください"))</f>
        <v/>
      </c>
      <c r="L22" s="614"/>
      <c r="M22" s="614"/>
      <c r="N22" s="614"/>
      <c r="O22" s="614"/>
      <c r="P22" s="614"/>
      <c r="Q22" s="614"/>
      <c r="R22" s="615"/>
      <c r="S22" s="613" t="str">
        <f>IF(E22="","",IFERROR(VLOOKUP(E22&amp;$A$68,製品リスト!$L$4:$Q$1000,6,0),"SII登録型番を正しく入力してください"))</f>
        <v/>
      </c>
      <c r="T22" s="614"/>
      <c r="U22" s="614"/>
      <c r="V22" s="614"/>
      <c r="W22" s="614"/>
      <c r="X22" s="614"/>
      <c r="Y22" s="614"/>
      <c r="Z22" s="614"/>
      <c r="AA22" s="614"/>
      <c r="AB22" s="614"/>
      <c r="AC22" s="614"/>
      <c r="AD22" s="614"/>
      <c r="AE22" s="614"/>
      <c r="AF22" s="614"/>
      <c r="AG22" s="614"/>
      <c r="AH22" s="614"/>
      <c r="AI22" s="614"/>
      <c r="AJ22" s="615"/>
      <c r="AK22" s="742" t="str">
        <f t="shared" si="0"/>
        <v/>
      </c>
      <c r="AL22" s="743"/>
      <c r="AM22" s="744"/>
      <c r="AN22" s="745"/>
      <c r="AO22" s="746"/>
      <c r="AP22" s="746"/>
      <c r="AQ22" s="41" t="s">
        <v>11</v>
      </c>
      <c r="AR22" s="746"/>
      <c r="AS22" s="746"/>
      <c r="AT22" s="747"/>
      <c r="AU22" s="748" t="str">
        <f t="shared" si="1"/>
        <v/>
      </c>
      <c r="AV22" s="749"/>
      <c r="AW22" s="750"/>
      <c r="AX22" s="751" t="str">
        <f t="shared" si="2"/>
        <v/>
      </c>
      <c r="AY22" s="752"/>
      <c r="AZ22" s="753"/>
      <c r="BA22" s="754"/>
      <c r="BB22" s="755"/>
      <c r="BC22" s="756"/>
      <c r="BD22" s="118"/>
      <c r="BE22" s="118"/>
      <c r="BF22" s="328">
        <v>14</v>
      </c>
      <c r="BG22" s="329"/>
    </row>
    <row r="23" spans="1:59" s="1" customFormat="1" ht="31.8" customHeight="1" x14ac:dyDescent="0.2">
      <c r="A23" s="738"/>
      <c r="B23" s="739"/>
      <c r="C23" s="739"/>
      <c r="D23" s="740"/>
      <c r="E23" s="741"/>
      <c r="F23" s="739"/>
      <c r="G23" s="739"/>
      <c r="H23" s="739"/>
      <c r="I23" s="739"/>
      <c r="J23" s="740"/>
      <c r="K23" s="613" t="str">
        <f>IF(E23="","",IFERROR(VLOOKUP(E23&amp;$A$68,製品リスト!$L$4:$Q$1000,5,0),"SII登録型番を正しく入力してください"))</f>
        <v/>
      </c>
      <c r="L23" s="614"/>
      <c r="M23" s="614"/>
      <c r="N23" s="614"/>
      <c r="O23" s="614"/>
      <c r="P23" s="614"/>
      <c r="Q23" s="614"/>
      <c r="R23" s="615"/>
      <c r="S23" s="613" t="str">
        <f>IF(E23="","",IFERROR(VLOOKUP(E23&amp;$A$68,製品リスト!$L$4:$Q$1000,6,0),"SII登録型番を正しく入力してください"))</f>
        <v/>
      </c>
      <c r="T23" s="614"/>
      <c r="U23" s="614"/>
      <c r="V23" s="614"/>
      <c r="W23" s="614"/>
      <c r="X23" s="614"/>
      <c r="Y23" s="614"/>
      <c r="Z23" s="614"/>
      <c r="AA23" s="614"/>
      <c r="AB23" s="614"/>
      <c r="AC23" s="614"/>
      <c r="AD23" s="614"/>
      <c r="AE23" s="614"/>
      <c r="AF23" s="614"/>
      <c r="AG23" s="614"/>
      <c r="AH23" s="614"/>
      <c r="AI23" s="614"/>
      <c r="AJ23" s="615"/>
      <c r="AK23" s="742" t="str">
        <f t="shared" si="0"/>
        <v/>
      </c>
      <c r="AL23" s="743"/>
      <c r="AM23" s="744"/>
      <c r="AN23" s="745"/>
      <c r="AO23" s="746"/>
      <c r="AP23" s="746"/>
      <c r="AQ23" s="41" t="s">
        <v>11</v>
      </c>
      <c r="AR23" s="746"/>
      <c r="AS23" s="746"/>
      <c r="AT23" s="747"/>
      <c r="AU23" s="748" t="str">
        <f t="shared" si="1"/>
        <v/>
      </c>
      <c r="AV23" s="749"/>
      <c r="AW23" s="750"/>
      <c r="AX23" s="751" t="str">
        <f t="shared" si="2"/>
        <v/>
      </c>
      <c r="AY23" s="752"/>
      <c r="AZ23" s="753"/>
      <c r="BA23" s="754"/>
      <c r="BB23" s="755"/>
      <c r="BC23" s="756"/>
      <c r="BD23" s="118"/>
      <c r="BE23" s="118"/>
      <c r="BF23" s="328">
        <v>15</v>
      </c>
      <c r="BG23" s="329"/>
    </row>
    <row r="24" spans="1:59" s="1" customFormat="1" ht="31.8" customHeight="1" x14ac:dyDescent="0.2">
      <c r="A24" s="738"/>
      <c r="B24" s="739"/>
      <c r="C24" s="739"/>
      <c r="D24" s="740"/>
      <c r="E24" s="741"/>
      <c r="F24" s="739"/>
      <c r="G24" s="739"/>
      <c r="H24" s="739"/>
      <c r="I24" s="739"/>
      <c r="J24" s="740"/>
      <c r="K24" s="613" t="str">
        <f>IF(E24="","",IFERROR(VLOOKUP(E24&amp;$A$68,製品リスト!$L$4:$Q$1000,5,0),"SII登録型番を正しく入力してください"))</f>
        <v/>
      </c>
      <c r="L24" s="614"/>
      <c r="M24" s="614"/>
      <c r="N24" s="614"/>
      <c r="O24" s="614"/>
      <c r="P24" s="614"/>
      <c r="Q24" s="614"/>
      <c r="R24" s="615"/>
      <c r="S24" s="613" t="str">
        <f>IF(E24="","",IFERROR(VLOOKUP(E24&amp;$A$68,製品リスト!$L$4:$Q$1000,6,0),"SII登録型番を正しく入力してください"))</f>
        <v/>
      </c>
      <c r="T24" s="614"/>
      <c r="U24" s="614"/>
      <c r="V24" s="614"/>
      <c r="W24" s="614"/>
      <c r="X24" s="614"/>
      <c r="Y24" s="614"/>
      <c r="Z24" s="614"/>
      <c r="AA24" s="614"/>
      <c r="AB24" s="614"/>
      <c r="AC24" s="614"/>
      <c r="AD24" s="614"/>
      <c r="AE24" s="614"/>
      <c r="AF24" s="614"/>
      <c r="AG24" s="614"/>
      <c r="AH24" s="614"/>
      <c r="AI24" s="614"/>
      <c r="AJ24" s="615"/>
      <c r="AK24" s="742" t="str">
        <f t="shared" si="0"/>
        <v/>
      </c>
      <c r="AL24" s="743"/>
      <c r="AM24" s="744"/>
      <c r="AN24" s="745"/>
      <c r="AO24" s="746"/>
      <c r="AP24" s="746"/>
      <c r="AQ24" s="41" t="s">
        <v>11</v>
      </c>
      <c r="AR24" s="746"/>
      <c r="AS24" s="746"/>
      <c r="AT24" s="747"/>
      <c r="AU24" s="748" t="str">
        <f t="shared" si="1"/>
        <v/>
      </c>
      <c r="AV24" s="749"/>
      <c r="AW24" s="750"/>
      <c r="AX24" s="751" t="str">
        <f t="shared" si="2"/>
        <v/>
      </c>
      <c r="AY24" s="752"/>
      <c r="AZ24" s="753"/>
      <c r="BA24" s="754"/>
      <c r="BB24" s="755"/>
      <c r="BC24" s="756"/>
      <c r="BD24" s="118"/>
      <c r="BE24" s="118"/>
      <c r="BF24" s="328">
        <v>16</v>
      </c>
      <c r="BG24" s="329"/>
    </row>
    <row r="25" spans="1:59" s="1" customFormat="1" ht="31.8" customHeight="1" x14ac:dyDescent="0.2">
      <c r="A25" s="738"/>
      <c r="B25" s="739"/>
      <c r="C25" s="739"/>
      <c r="D25" s="740"/>
      <c r="E25" s="741"/>
      <c r="F25" s="739"/>
      <c r="G25" s="739"/>
      <c r="H25" s="739"/>
      <c r="I25" s="739"/>
      <c r="J25" s="740"/>
      <c r="K25" s="613" t="str">
        <f>IF(E25="","",IFERROR(VLOOKUP(E25&amp;$A$68,製品リスト!$L$4:$Q$1000,5,0),"SII登録型番を正しく入力してください"))</f>
        <v/>
      </c>
      <c r="L25" s="614"/>
      <c r="M25" s="614"/>
      <c r="N25" s="614"/>
      <c r="O25" s="614"/>
      <c r="P25" s="614"/>
      <c r="Q25" s="614"/>
      <c r="R25" s="615"/>
      <c r="S25" s="613" t="str">
        <f>IF(E25="","",IFERROR(VLOOKUP(E25&amp;$A$68,製品リスト!$L$4:$Q$1000,6,0),"SII登録型番を正しく入力してください"))</f>
        <v/>
      </c>
      <c r="T25" s="614"/>
      <c r="U25" s="614"/>
      <c r="V25" s="614"/>
      <c r="W25" s="614"/>
      <c r="X25" s="614"/>
      <c r="Y25" s="614"/>
      <c r="Z25" s="614"/>
      <c r="AA25" s="614"/>
      <c r="AB25" s="614"/>
      <c r="AC25" s="614"/>
      <c r="AD25" s="614"/>
      <c r="AE25" s="614"/>
      <c r="AF25" s="614"/>
      <c r="AG25" s="614"/>
      <c r="AH25" s="614"/>
      <c r="AI25" s="614"/>
      <c r="AJ25" s="615"/>
      <c r="AK25" s="742" t="str">
        <f t="shared" si="0"/>
        <v/>
      </c>
      <c r="AL25" s="743"/>
      <c r="AM25" s="744"/>
      <c r="AN25" s="745"/>
      <c r="AO25" s="746"/>
      <c r="AP25" s="746"/>
      <c r="AQ25" s="41" t="s">
        <v>11</v>
      </c>
      <c r="AR25" s="746"/>
      <c r="AS25" s="746"/>
      <c r="AT25" s="747"/>
      <c r="AU25" s="748" t="str">
        <f t="shared" si="1"/>
        <v/>
      </c>
      <c r="AV25" s="749"/>
      <c r="AW25" s="750"/>
      <c r="AX25" s="751" t="str">
        <f t="shared" si="2"/>
        <v/>
      </c>
      <c r="AY25" s="752"/>
      <c r="AZ25" s="753"/>
      <c r="BA25" s="754"/>
      <c r="BB25" s="755"/>
      <c r="BC25" s="756"/>
      <c r="BD25" s="118"/>
      <c r="BE25" s="118"/>
      <c r="BF25" s="328">
        <v>17</v>
      </c>
      <c r="BG25" s="329"/>
    </row>
    <row r="26" spans="1:59" s="1" customFormat="1" ht="31.8" customHeight="1" x14ac:dyDescent="0.2">
      <c r="A26" s="738"/>
      <c r="B26" s="739"/>
      <c r="C26" s="739"/>
      <c r="D26" s="740"/>
      <c r="E26" s="741"/>
      <c r="F26" s="739"/>
      <c r="G26" s="739"/>
      <c r="H26" s="739"/>
      <c r="I26" s="739"/>
      <c r="J26" s="740"/>
      <c r="K26" s="613" t="str">
        <f>IF(E26="","",IFERROR(VLOOKUP(E26&amp;$A$68,製品リスト!$L$4:$Q$1000,5,0),"SII登録型番を正しく入力してください"))</f>
        <v/>
      </c>
      <c r="L26" s="614"/>
      <c r="M26" s="614"/>
      <c r="N26" s="614"/>
      <c r="O26" s="614"/>
      <c r="P26" s="614"/>
      <c r="Q26" s="614"/>
      <c r="R26" s="615"/>
      <c r="S26" s="613" t="str">
        <f>IF(E26="","",IFERROR(VLOOKUP(E26&amp;$A$68,製品リスト!$L$4:$Q$1000,6,0),"SII登録型番を正しく入力してください"))</f>
        <v/>
      </c>
      <c r="T26" s="614"/>
      <c r="U26" s="614"/>
      <c r="V26" s="614"/>
      <c r="W26" s="614"/>
      <c r="X26" s="614"/>
      <c r="Y26" s="614"/>
      <c r="Z26" s="614"/>
      <c r="AA26" s="614"/>
      <c r="AB26" s="614"/>
      <c r="AC26" s="614"/>
      <c r="AD26" s="614"/>
      <c r="AE26" s="614"/>
      <c r="AF26" s="614"/>
      <c r="AG26" s="614"/>
      <c r="AH26" s="614"/>
      <c r="AI26" s="614"/>
      <c r="AJ26" s="615"/>
      <c r="AK26" s="742" t="str">
        <f t="shared" si="0"/>
        <v/>
      </c>
      <c r="AL26" s="743"/>
      <c r="AM26" s="744"/>
      <c r="AN26" s="745"/>
      <c r="AO26" s="746"/>
      <c r="AP26" s="746"/>
      <c r="AQ26" s="41" t="s">
        <v>11</v>
      </c>
      <c r="AR26" s="746"/>
      <c r="AS26" s="746"/>
      <c r="AT26" s="747"/>
      <c r="AU26" s="748" t="str">
        <f t="shared" si="1"/>
        <v/>
      </c>
      <c r="AV26" s="749"/>
      <c r="AW26" s="750"/>
      <c r="AX26" s="751" t="str">
        <f t="shared" si="2"/>
        <v/>
      </c>
      <c r="AY26" s="752"/>
      <c r="AZ26" s="753"/>
      <c r="BA26" s="754"/>
      <c r="BB26" s="755"/>
      <c r="BC26" s="756"/>
      <c r="BD26" s="118"/>
      <c r="BE26" s="118"/>
      <c r="BF26" s="328">
        <v>18</v>
      </c>
      <c r="BG26" s="329"/>
    </row>
    <row r="27" spans="1:59" s="1" customFormat="1" ht="31.8" customHeight="1" x14ac:dyDescent="0.2">
      <c r="A27" s="738"/>
      <c r="B27" s="739"/>
      <c r="C27" s="739"/>
      <c r="D27" s="740"/>
      <c r="E27" s="741"/>
      <c r="F27" s="739"/>
      <c r="G27" s="739"/>
      <c r="H27" s="739"/>
      <c r="I27" s="739"/>
      <c r="J27" s="740"/>
      <c r="K27" s="613" t="str">
        <f>IF(E27="","",IFERROR(VLOOKUP(E27&amp;$A$68,製品リスト!$L$4:$Q$1000,5,0),"SII登録型番を正しく入力してください"))</f>
        <v/>
      </c>
      <c r="L27" s="614"/>
      <c r="M27" s="614"/>
      <c r="N27" s="614"/>
      <c r="O27" s="614"/>
      <c r="P27" s="614"/>
      <c r="Q27" s="614"/>
      <c r="R27" s="615"/>
      <c r="S27" s="613" t="str">
        <f>IF(E27="","",IFERROR(VLOOKUP(E27&amp;$A$68,製品リスト!$L$4:$Q$1000,6,0),"SII登録型番を正しく入力してください"))</f>
        <v/>
      </c>
      <c r="T27" s="614"/>
      <c r="U27" s="614"/>
      <c r="V27" s="614"/>
      <c r="W27" s="614"/>
      <c r="X27" s="614"/>
      <c r="Y27" s="614"/>
      <c r="Z27" s="614"/>
      <c r="AA27" s="614"/>
      <c r="AB27" s="614"/>
      <c r="AC27" s="614"/>
      <c r="AD27" s="614"/>
      <c r="AE27" s="614"/>
      <c r="AF27" s="614"/>
      <c r="AG27" s="614"/>
      <c r="AH27" s="614"/>
      <c r="AI27" s="614"/>
      <c r="AJ27" s="615"/>
      <c r="AK27" s="742" t="str">
        <f t="shared" si="0"/>
        <v/>
      </c>
      <c r="AL27" s="743"/>
      <c r="AM27" s="744"/>
      <c r="AN27" s="745"/>
      <c r="AO27" s="746"/>
      <c r="AP27" s="746"/>
      <c r="AQ27" s="41" t="s">
        <v>11</v>
      </c>
      <c r="AR27" s="746"/>
      <c r="AS27" s="746"/>
      <c r="AT27" s="747"/>
      <c r="AU27" s="748" t="str">
        <f t="shared" si="1"/>
        <v/>
      </c>
      <c r="AV27" s="749"/>
      <c r="AW27" s="750"/>
      <c r="AX27" s="751" t="str">
        <f t="shared" si="2"/>
        <v/>
      </c>
      <c r="AY27" s="752"/>
      <c r="AZ27" s="753"/>
      <c r="BA27" s="754"/>
      <c r="BB27" s="755"/>
      <c r="BC27" s="756"/>
      <c r="BD27" s="118"/>
      <c r="BE27" s="118"/>
      <c r="BF27" s="328">
        <v>19</v>
      </c>
      <c r="BG27" s="329"/>
    </row>
    <row r="28" spans="1:59" s="1" customFormat="1" ht="31.8" customHeight="1" x14ac:dyDescent="0.2">
      <c r="A28" s="738"/>
      <c r="B28" s="739"/>
      <c r="C28" s="739"/>
      <c r="D28" s="740"/>
      <c r="E28" s="741"/>
      <c r="F28" s="739"/>
      <c r="G28" s="739"/>
      <c r="H28" s="739"/>
      <c r="I28" s="739"/>
      <c r="J28" s="740"/>
      <c r="K28" s="613" t="str">
        <f>IF(E28="","",IFERROR(VLOOKUP(E28&amp;$A$68,製品リスト!$L$4:$Q$1000,5,0),"SII登録型番を正しく入力してください"))</f>
        <v/>
      </c>
      <c r="L28" s="614"/>
      <c r="M28" s="614"/>
      <c r="N28" s="614"/>
      <c r="O28" s="614"/>
      <c r="P28" s="614"/>
      <c r="Q28" s="614"/>
      <c r="R28" s="615"/>
      <c r="S28" s="613" t="str">
        <f>IF(E28="","",IFERROR(VLOOKUP(E28&amp;$A$68,製品リスト!$L$4:$Q$1000,6,0),"SII登録型番を正しく入力してください"))</f>
        <v/>
      </c>
      <c r="T28" s="614"/>
      <c r="U28" s="614"/>
      <c r="V28" s="614"/>
      <c r="W28" s="614"/>
      <c r="X28" s="614"/>
      <c r="Y28" s="614"/>
      <c r="Z28" s="614"/>
      <c r="AA28" s="614"/>
      <c r="AB28" s="614"/>
      <c r="AC28" s="614"/>
      <c r="AD28" s="614"/>
      <c r="AE28" s="614"/>
      <c r="AF28" s="614"/>
      <c r="AG28" s="614"/>
      <c r="AH28" s="614"/>
      <c r="AI28" s="614"/>
      <c r="AJ28" s="615"/>
      <c r="AK28" s="742" t="str">
        <f t="shared" si="0"/>
        <v/>
      </c>
      <c r="AL28" s="743"/>
      <c r="AM28" s="744"/>
      <c r="AN28" s="745"/>
      <c r="AO28" s="746"/>
      <c r="AP28" s="746"/>
      <c r="AQ28" s="41" t="s">
        <v>11</v>
      </c>
      <c r="AR28" s="746"/>
      <c r="AS28" s="746"/>
      <c r="AT28" s="747"/>
      <c r="AU28" s="748" t="str">
        <f t="shared" si="1"/>
        <v/>
      </c>
      <c r="AV28" s="749"/>
      <c r="AW28" s="750"/>
      <c r="AX28" s="751" t="str">
        <f t="shared" si="2"/>
        <v/>
      </c>
      <c r="AY28" s="752"/>
      <c r="AZ28" s="753"/>
      <c r="BA28" s="754"/>
      <c r="BB28" s="755"/>
      <c r="BC28" s="756"/>
      <c r="BD28" s="118"/>
      <c r="BE28" s="118"/>
      <c r="BF28" s="328">
        <v>20</v>
      </c>
      <c r="BG28" s="329"/>
    </row>
    <row r="29" spans="1:59" s="1" customFormat="1" ht="31.8" customHeight="1" x14ac:dyDescent="0.2">
      <c r="A29" s="738"/>
      <c r="B29" s="739"/>
      <c r="C29" s="739"/>
      <c r="D29" s="740"/>
      <c r="E29" s="741"/>
      <c r="F29" s="739"/>
      <c r="G29" s="739"/>
      <c r="H29" s="739"/>
      <c r="I29" s="739"/>
      <c r="J29" s="740"/>
      <c r="K29" s="613" t="str">
        <f>IF(E29="","",IFERROR(VLOOKUP(E29&amp;$A$68,製品リスト!$L$4:$Q$1000,5,0),"SII登録型番を正しく入力してください"))</f>
        <v/>
      </c>
      <c r="L29" s="614"/>
      <c r="M29" s="614"/>
      <c r="N29" s="614"/>
      <c r="O29" s="614"/>
      <c r="P29" s="614"/>
      <c r="Q29" s="614"/>
      <c r="R29" s="615"/>
      <c r="S29" s="613" t="str">
        <f>IF(E29="","",IFERROR(VLOOKUP(E29&amp;$A$68,製品リスト!$L$4:$Q$1000,6,0),"SII登録型番を正しく入力してください"))</f>
        <v/>
      </c>
      <c r="T29" s="614"/>
      <c r="U29" s="614"/>
      <c r="V29" s="614"/>
      <c r="W29" s="614"/>
      <c r="X29" s="614"/>
      <c r="Y29" s="614"/>
      <c r="Z29" s="614"/>
      <c r="AA29" s="614"/>
      <c r="AB29" s="614"/>
      <c r="AC29" s="614"/>
      <c r="AD29" s="614"/>
      <c r="AE29" s="614"/>
      <c r="AF29" s="614"/>
      <c r="AG29" s="614"/>
      <c r="AH29" s="614"/>
      <c r="AI29" s="614"/>
      <c r="AJ29" s="615"/>
      <c r="AK29" s="742" t="str">
        <f t="shared" si="0"/>
        <v/>
      </c>
      <c r="AL29" s="743"/>
      <c r="AM29" s="744"/>
      <c r="AN29" s="745"/>
      <c r="AO29" s="746"/>
      <c r="AP29" s="746"/>
      <c r="AQ29" s="41" t="s">
        <v>11</v>
      </c>
      <c r="AR29" s="746"/>
      <c r="AS29" s="746"/>
      <c r="AT29" s="747"/>
      <c r="AU29" s="748" t="str">
        <f t="shared" si="1"/>
        <v/>
      </c>
      <c r="AV29" s="749"/>
      <c r="AW29" s="750"/>
      <c r="AX29" s="751" t="str">
        <f t="shared" si="2"/>
        <v/>
      </c>
      <c r="AY29" s="752"/>
      <c r="AZ29" s="753"/>
      <c r="BA29" s="754"/>
      <c r="BB29" s="755"/>
      <c r="BC29" s="756"/>
      <c r="BD29" s="118"/>
      <c r="BE29" s="118"/>
      <c r="BF29" s="328">
        <v>21</v>
      </c>
      <c r="BG29" s="329"/>
    </row>
    <row r="30" spans="1:59" s="1" customFormat="1" ht="31.8" customHeight="1" x14ac:dyDescent="0.2">
      <c r="A30" s="738"/>
      <c r="B30" s="739"/>
      <c r="C30" s="739"/>
      <c r="D30" s="740"/>
      <c r="E30" s="741"/>
      <c r="F30" s="739"/>
      <c r="G30" s="739"/>
      <c r="H30" s="739"/>
      <c r="I30" s="739"/>
      <c r="J30" s="740"/>
      <c r="K30" s="613" t="str">
        <f>IF(E30="","",IFERROR(VLOOKUP(E30&amp;$A$68,製品リスト!$L$4:$Q$1000,5,0),"SII登録型番を正しく入力してください"))</f>
        <v/>
      </c>
      <c r="L30" s="614"/>
      <c r="M30" s="614"/>
      <c r="N30" s="614"/>
      <c r="O30" s="614"/>
      <c r="P30" s="614"/>
      <c r="Q30" s="614"/>
      <c r="R30" s="615"/>
      <c r="S30" s="613" t="str">
        <f>IF(E30="","",IFERROR(VLOOKUP(E30&amp;$A$68,製品リスト!$L$4:$Q$1000,6,0),"SII登録型番を正しく入力してください"))</f>
        <v/>
      </c>
      <c r="T30" s="614"/>
      <c r="U30" s="614"/>
      <c r="V30" s="614"/>
      <c r="W30" s="614"/>
      <c r="X30" s="614"/>
      <c r="Y30" s="614"/>
      <c r="Z30" s="614"/>
      <c r="AA30" s="614"/>
      <c r="AB30" s="614"/>
      <c r="AC30" s="614"/>
      <c r="AD30" s="614"/>
      <c r="AE30" s="614"/>
      <c r="AF30" s="614"/>
      <c r="AG30" s="614"/>
      <c r="AH30" s="614"/>
      <c r="AI30" s="614"/>
      <c r="AJ30" s="615"/>
      <c r="AK30" s="742" t="str">
        <f t="shared" si="0"/>
        <v/>
      </c>
      <c r="AL30" s="743"/>
      <c r="AM30" s="744"/>
      <c r="AN30" s="745"/>
      <c r="AO30" s="746"/>
      <c r="AP30" s="746"/>
      <c r="AQ30" s="41" t="s">
        <v>11</v>
      </c>
      <c r="AR30" s="746"/>
      <c r="AS30" s="746"/>
      <c r="AT30" s="747"/>
      <c r="AU30" s="748" t="str">
        <f t="shared" si="1"/>
        <v/>
      </c>
      <c r="AV30" s="749"/>
      <c r="AW30" s="750"/>
      <c r="AX30" s="751" t="str">
        <f t="shared" si="2"/>
        <v/>
      </c>
      <c r="AY30" s="752"/>
      <c r="AZ30" s="753"/>
      <c r="BA30" s="754"/>
      <c r="BB30" s="755"/>
      <c r="BC30" s="756"/>
      <c r="BD30" s="118"/>
      <c r="BE30" s="118"/>
      <c r="BF30" s="328">
        <v>22</v>
      </c>
      <c r="BG30" s="329"/>
    </row>
    <row r="31" spans="1:59" s="1" customFormat="1" ht="31.8" customHeight="1" x14ac:dyDescent="0.2">
      <c r="A31" s="738"/>
      <c r="B31" s="739"/>
      <c r="C31" s="739"/>
      <c r="D31" s="740"/>
      <c r="E31" s="741"/>
      <c r="F31" s="739"/>
      <c r="G31" s="739"/>
      <c r="H31" s="739"/>
      <c r="I31" s="739"/>
      <c r="J31" s="740"/>
      <c r="K31" s="613" t="str">
        <f>IF(E31="","",IFERROR(VLOOKUP(E31&amp;$A$68,製品リスト!$L$4:$Q$1000,5,0),"SII登録型番を正しく入力してください"))</f>
        <v/>
      </c>
      <c r="L31" s="614"/>
      <c r="M31" s="614"/>
      <c r="N31" s="614"/>
      <c r="O31" s="614"/>
      <c r="P31" s="614"/>
      <c r="Q31" s="614"/>
      <c r="R31" s="615"/>
      <c r="S31" s="613" t="str">
        <f>IF(E31="","",IFERROR(VLOOKUP(E31&amp;$A$68,製品リスト!$L$4:$Q$1000,6,0),"SII登録型番を正しく入力してください"))</f>
        <v/>
      </c>
      <c r="T31" s="614"/>
      <c r="U31" s="614"/>
      <c r="V31" s="614"/>
      <c r="W31" s="614"/>
      <c r="X31" s="614"/>
      <c r="Y31" s="614"/>
      <c r="Z31" s="614"/>
      <c r="AA31" s="614"/>
      <c r="AB31" s="614"/>
      <c r="AC31" s="614"/>
      <c r="AD31" s="614"/>
      <c r="AE31" s="614"/>
      <c r="AF31" s="614"/>
      <c r="AG31" s="614"/>
      <c r="AH31" s="614"/>
      <c r="AI31" s="614"/>
      <c r="AJ31" s="615"/>
      <c r="AK31" s="742" t="str">
        <f t="shared" si="0"/>
        <v/>
      </c>
      <c r="AL31" s="743"/>
      <c r="AM31" s="744"/>
      <c r="AN31" s="745"/>
      <c r="AO31" s="746"/>
      <c r="AP31" s="746"/>
      <c r="AQ31" s="41" t="s">
        <v>11</v>
      </c>
      <c r="AR31" s="746"/>
      <c r="AS31" s="746"/>
      <c r="AT31" s="747"/>
      <c r="AU31" s="748" t="str">
        <f t="shared" si="1"/>
        <v/>
      </c>
      <c r="AV31" s="749"/>
      <c r="AW31" s="750"/>
      <c r="AX31" s="751" t="str">
        <f t="shared" si="2"/>
        <v/>
      </c>
      <c r="AY31" s="752"/>
      <c r="AZ31" s="753"/>
      <c r="BA31" s="754"/>
      <c r="BB31" s="755"/>
      <c r="BC31" s="756"/>
      <c r="BD31" s="118"/>
      <c r="BE31" s="118"/>
      <c r="BF31" s="328">
        <v>23</v>
      </c>
      <c r="BG31" s="329"/>
    </row>
    <row r="32" spans="1:59" s="1" customFormat="1" ht="31.8" customHeight="1" x14ac:dyDescent="0.2">
      <c r="A32" s="738"/>
      <c r="B32" s="739"/>
      <c r="C32" s="739"/>
      <c r="D32" s="740"/>
      <c r="E32" s="741"/>
      <c r="F32" s="739"/>
      <c r="G32" s="739"/>
      <c r="H32" s="739"/>
      <c r="I32" s="739"/>
      <c r="J32" s="740"/>
      <c r="K32" s="613" t="str">
        <f>IF(E32="","",IFERROR(VLOOKUP(E32&amp;$A$68,製品リスト!$L$4:$Q$1000,5,0),"SII登録型番を正しく入力してください"))</f>
        <v/>
      </c>
      <c r="L32" s="614"/>
      <c r="M32" s="614"/>
      <c r="N32" s="614"/>
      <c r="O32" s="614"/>
      <c r="P32" s="614"/>
      <c r="Q32" s="614"/>
      <c r="R32" s="615"/>
      <c r="S32" s="613" t="str">
        <f>IF(E32="","",IFERROR(VLOOKUP(E32&amp;$A$68,製品リスト!$L$4:$Q$1000,6,0),"SII登録型番を正しく入力してください"))</f>
        <v/>
      </c>
      <c r="T32" s="614"/>
      <c r="U32" s="614"/>
      <c r="V32" s="614"/>
      <c r="W32" s="614"/>
      <c r="X32" s="614"/>
      <c r="Y32" s="614"/>
      <c r="Z32" s="614"/>
      <c r="AA32" s="614"/>
      <c r="AB32" s="614"/>
      <c r="AC32" s="614"/>
      <c r="AD32" s="614"/>
      <c r="AE32" s="614"/>
      <c r="AF32" s="614"/>
      <c r="AG32" s="614"/>
      <c r="AH32" s="614"/>
      <c r="AI32" s="614"/>
      <c r="AJ32" s="615"/>
      <c r="AK32" s="742" t="str">
        <f t="shared" si="0"/>
        <v/>
      </c>
      <c r="AL32" s="743"/>
      <c r="AM32" s="744"/>
      <c r="AN32" s="745"/>
      <c r="AO32" s="746"/>
      <c r="AP32" s="746"/>
      <c r="AQ32" s="41" t="s">
        <v>11</v>
      </c>
      <c r="AR32" s="746"/>
      <c r="AS32" s="746"/>
      <c r="AT32" s="747"/>
      <c r="AU32" s="748" t="str">
        <f t="shared" si="1"/>
        <v/>
      </c>
      <c r="AV32" s="749"/>
      <c r="AW32" s="750"/>
      <c r="AX32" s="751" t="str">
        <f t="shared" si="2"/>
        <v/>
      </c>
      <c r="AY32" s="752"/>
      <c r="AZ32" s="753"/>
      <c r="BA32" s="713"/>
      <c r="BB32" s="714"/>
      <c r="BC32" s="715"/>
      <c r="BD32" s="118"/>
      <c r="BE32" s="118"/>
      <c r="BF32" s="328">
        <v>24</v>
      </c>
      <c r="BG32" s="329"/>
    </row>
    <row r="33" spans="1:59" s="1" customFormat="1" ht="31.8" customHeight="1" x14ac:dyDescent="0.2">
      <c r="A33" s="738"/>
      <c r="B33" s="739"/>
      <c r="C33" s="739"/>
      <c r="D33" s="740"/>
      <c r="E33" s="741"/>
      <c r="F33" s="739"/>
      <c r="G33" s="739"/>
      <c r="H33" s="739"/>
      <c r="I33" s="739"/>
      <c r="J33" s="740"/>
      <c r="K33" s="613" t="str">
        <f>IF(E33="","",IFERROR(VLOOKUP(E33&amp;$A$68,製品リスト!$L$4:$Q$1000,5,0),"SII登録型番を正しく入力してください"))</f>
        <v/>
      </c>
      <c r="L33" s="614"/>
      <c r="M33" s="614"/>
      <c r="N33" s="614"/>
      <c r="O33" s="614"/>
      <c r="P33" s="614"/>
      <c r="Q33" s="614"/>
      <c r="R33" s="615"/>
      <c r="S33" s="613" t="str">
        <f>IF(E33="","",IFERROR(VLOOKUP(E33&amp;$A$68,製品リスト!$L$4:$Q$1000,6,0),"SII登録型番を正しく入力してください"))</f>
        <v/>
      </c>
      <c r="T33" s="614"/>
      <c r="U33" s="614"/>
      <c r="V33" s="614"/>
      <c r="W33" s="614"/>
      <c r="X33" s="614"/>
      <c r="Y33" s="614"/>
      <c r="Z33" s="614"/>
      <c r="AA33" s="614"/>
      <c r="AB33" s="614"/>
      <c r="AC33" s="614"/>
      <c r="AD33" s="614"/>
      <c r="AE33" s="614"/>
      <c r="AF33" s="614"/>
      <c r="AG33" s="614"/>
      <c r="AH33" s="614"/>
      <c r="AI33" s="614"/>
      <c r="AJ33" s="615"/>
      <c r="AK33" s="742" t="str">
        <f t="shared" si="0"/>
        <v/>
      </c>
      <c r="AL33" s="743"/>
      <c r="AM33" s="744"/>
      <c r="AN33" s="745"/>
      <c r="AO33" s="746"/>
      <c r="AP33" s="746"/>
      <c r="AQ33" s="41" t="s">
        <v>11</v>
      </c>
      <c r="AR33" s="746"/>
      <c r="AS33" s="746"/>
      <c r="AT33" s="747"/>
      <c r="AU33" s="748" t="str">
        <f t="shared" si="1"/>
        <v/>
      </c>
      <c r="AV33" s="749"/>
      <c r="AW33" s="750"/>
      <c r="AX33" s="751" t="str">
        <f t="shared" si="2"/>
        <v/>
      </c>
      <c r="AY33" s="752"/>
      <c r="AZ33" s="753"/>
      <c r="BA33" s="713"/>
      <c r="BB33" s="714"/>
      <c r="BC33" s="715"/>
      <c r="BD33" s="118"/>
      <c r="BE33" s="118"/>
      <c r="BF33" s="328">
        <v>25</v>
      </c>
      <c r="BG33" s="329"/>
    </row>
    <row r="34" spans="1:59" s="1" customFormat="1" ht="31.8" customHeight="1" x14ac:dyDescent="0.2">
      <c r="A34" s="738"/>
      <c r="B34" s="739"/>
      <c r="C34" s="739"/>
      <c r="D34" s="740"/>
      <c r="E34" s="741"/>
      <c r="F34" s="739"/>
      <c r="G34" s="739"/>
      <c r="H34" s="739"/>
      <c r="I34" s="739"/>
      <c r="J34" s="740"/>
      <c r="K34" s="613" t="str">
        <f>IF(E34="","",IFERROR(VLOOKUP(E34&amp;$A$68,製品リスト!$L$4:$Q$1000,5,0),"SII登録型番を正しく入力してください"))</f>
        <v/>
      </c>
      <c r="L34" s="614"/>
      <c r="M34" s="614"/>
      <c r="N34" s="614"/>
      <c r="O34" s="614"/>
      <c r="P34" s="614"/>
      <c r="Q34" s="614"/>
      <c r="R34" s="615"/>
      <c r="S34" s="613" t="str">
        <f>IF(E34="","",IFERROR(VLOOKUP(E34&amp;$A$68,製品リスト!$L$4:$Q$1000,6,0),"SII登録型番を正しく入力してください"))</f>
        <v/>
      </c>
      <c r="T34" s="614"/>
      <c r="U34" s="614"/>
      <c r="V34" s="614"/>
      <c r="W34" s="614"/>
      <c r="X34" s="614"/>
      <c r="Y34" s="614"/>
      <c r="Z34" s="614"/>
      <c r="AA34" s="614"/>
      <c r="AB34" s="614"/>
      <c r="AC34" s="614"/>
      <c r="AD34" s="614"/>
      <c r="AE34" s="614"/>
      <c r="AF34" s="614"/>
      <c r="AG34" s="614"/>
      <c r="AH34" s="614"/>
      <c r="AI34" s="614"/>
      <c r="AJ34" s="615"/>
      <c r="AK34" s="742" t="str">
        <f t="shared" si="0"/>
        <v/>
      </c>
      <c r="AL34" s="743"/>
      <c r="AM34" s="744"/>
      <c r="AN34" s="745"/>
      <c r="AO34" s="746"/>
      <c r="AP34" s="746"/>
      <c r="AQ34" s="41" t="s">
        <v>11</v>
      </c>
      <c r="AR34" s="746"/>
      <c r="AS34" s="746"/>
      <c r="AT34" s="747"/>
      <c r="AU34" s="748" t="str">
        <f t="shared" si="1"/>
        <v/>
      </c>
      <c r="AV34" s="749"/>
      <c r="AW34" s="750"/>
      <c r="AX34" s="751" t="str">
        <f t="shared" si="2"/>
        <v/>
      </c>
      <c r="AY34" s="752"/>
      <c r="AZ34" s="753"/>
      <c r="BA34" s="754"/>
      <c r="BB34" s="755"/>
      <c r="BC34" s="756"/>
      <c r="BD34" s="118"/>
      <c r="BE34" s="118"/>
      <c r="BF34" s="328">
        <v>26</v>
      </c>
      <c r="BG34" s="329"/>
    </row>
    <row r="35" spans="1:59" s="1" customFormat="1" ht="31.8" customHeight="1" x14ac:dyDescent="0.2">
      <c r="A35" s="738"/>
      <c r="B35" s="739"/>
      <c r="C35" s="739"/>
      <c r="D35" s="740"/>
      <c r="E35" s="741"/>
      <c r="F35" s="739"/>
      <c r="G35" s="739"/>
      <c r="H35" s="739"/>
      <c r="I35" s="739"/>
      <c r="J35" s="740"/>
      <c r="K35" s="613" t="str">
        <f>IF(E35="","",IFERROR(VLOOKUP(E35&amp;$A$68,製品リスト!$L$4:$Q$1000,5,0),"SII登録型番を正しく入力してください"))</f>
        <v/>
      </c>
      <c r="L35" s="614"/>
      <c r="M35" s="614"/>
      <c r="N35" s="614"/>
      <c r="O35" s="614"/>
      <c r="P35" s="614"/>
      <c r="Q35" s="614"/>
      <c r="R35" s="615"/>
      <c r="S35" s="613" t="str">
        <f>IF(E35="","",IFERROR(VLOOKUP(E35&amp;$A$68,製品リスト!$L$4:$Q$1000,6,0),"SII登録型番を正しく入力してください"))</f>
        <v/>
      </c>
      <c r="T35" s="614"/>
      <c r="U35" s="614"/>
      <c r="V35" s="614"/>
      <c r="W35" s="614"/>
      <c r="X35" s="614"/>
      <c r="Y35" s="614"/>
      <c r="Z35" s="614"/>
      <c r="AA35" s="614"/>
      <c r="AB35" s="614"/>
      <c r="AC35" s="614"/>
      <c r="AD35" s="614"/>
      <c r="AE35" s="614"/>
      <c r="AF35" s="614"/>
      <c r="AG35" s="614"/>
      <c r="AH35" s="614"/>
      <c r="AI35" s="614"/>
      <c r="AJ35" s="615"/>
      <c r="AK35" s="742" t="str">
        <f t="shared" si="0"/>
        <v/>
      </c>
      <c r="AL35" s="743"/>
      <c r="AM35" s="744"/>
      <c r="AN35" s="745"/>
      <c r="AO35" s="746"/>
      <c r="AP35" s="746"/>
      <c r="AQ35" s="41" t="s">
        <v>11</v>
      </c>
      <c r="AR35" s="746"/>
      <c r="AS35" s="746"/>
      <c r="AT35" s="747"/>
      <c r="AU35" s="748" t="str">
        <f t="shared" si="1"/>
        <v/>
      </c>
      <c r="AV35" s="749"/>
      <c r="AW35" s="750"/>
      <c r="AX35" s="751" t="str">
        <f t="shared" si="2"/>
        <v/>
      </c>
      <c r="AY35" s="752"/>
      <c r="AZ35" s="753"/>
      <c r="BA35" s="754"/>
      <c r="BB35" s="755"/>
      <c r="BC35" s="756"/>
      <c r="BD35" s="118"/>
      <c r="BE35" s="118"/>
      <c r="BF35" s="328">
        <v>27</v>
      </c>
      <c r="BG35" s="329"/>
    </row>
    <row r="36" spans="1:59" s="1" customFormat="1" ht="31.8" customHeight="1" x14ac:dyDescent="0.2">
      <c r="A36" s="738"/>
      <c r="B36" s="739"/>
      <c r="C36" s="739"/>
      <c r="D36" s="740"/>
      <c r="E36" s="741"/>
      <c r="F36" s="739"/>
      <c r="G36" s="739"/>
      <c r="H36" s="739"/>
      <c r="I36" s="739"/>
      <c r="J36" s="740"/>
      <c r="K36" s="613" t="str">
        <f>IF(E36="","",IFERROR(VLOOKUP(E36&amp;$A$68,製品リスト!$L$4:$Q$1000,5,0),"SII登録型番を正しく入力してください"))</f>
        <v/>
      </c>
      <c r="L36" s="614"/>
      <c r="M36" s="614"/>
      <c r="N36" s="614"/>
      <c r="O36" s="614"/>
      <c r="P36" s="614"/>
      <c r="Q36" s="614"/>
      <c r="R36" s="615"/>
      <c r="S36" s="613" t="str">
        <f>IF(E36="","",IFERROR(VLOOKUP(E36&amp;$A$68,製品リスト!$L$4:$Q$1000,6,0),"SII登録型番を正しく入力してください"))</f>
        <v/>
      </c>
      <c r="T36" s="614"/>
      <c r="U36" s="614"/>
      <c r="V36" s="614"/>
      <c r="W36" s="614"/>
      <c r="X36" s="614"/>
      <c r="Y36" s="614"/>
      <c r="Z36" s="614"/>
      <c r="AA36" s="614"/>
      <c r="AB36" s="614"/>
      <c r="AC36" s="614"/>
      <c r="AD36" s="614"/>
      <c r="AE36" s="614"/>
      <c r="AF36" s="614"/>
      <c r="AG36" s="614"/>
      <c r="AH36" s="614"/>
      <c r="AI36" s="614"/>
      <c r="AJ36" s="615"/>
      <c r="AK36" s="742" t="str">
        <f t="shared" si="0"/>
        <v/>
      </c>
      <c r="AL36" s="743"/>
      <c r="AM36" s="744"/>
      <c r="AN36" s="745"/>
      <c r="AO36" s="746"/>
      <c r="AP36" s="746"/>
      <c r="AQ36" s="41" t="s">
        <v>11</v>
      </c>
      <c r="AR36" s="746"/>
      <c r="AS36" s="746"/>
      <c r="AT36" s="747"/>
      <c r="AU36" s="748" t="str">
        <f t="shared" si="1"/>
        <v/>
      </c>
      <c r="AV36" s="749"/>
      <c r="AW36" s="750"/>
      <c r="AX36" s="751" t="str">
        <f t="shared" si="2"/>
        <v/>
      </c>
      <c r="AY36" s="752"/>
      <c r="AZ36" s="753"/>
      <c r="BA36" s="754"/>
      <c r="BB36" s="755"/>
      <c r="BC36" s="756"/>
      <c r="BD36" s="118"/>
      <c r="BE36" s="118"/>
      <c r="BF36" s="328">
        <v>28</v>
      </c>
      <c r="BG36" s="329"/>
    </row>
    <row r="37" spans="1:59" s="1" customFormat="1" ht="31.8" customHeight="1" x14ac:dyDescent="0.2">
      <c r="A37" s="738"/>
      <c r="B37" s="739"/>
      <c r="C37" s="739"/>
      <c r="D37" s="740"/>
      <c r="E37" s="741"/>
      <c r="F37" s="739"/>
      <c r="G37" s="739"/>
      <c r="H37" s="739"/>
      <c r="I37" s="739"/>
      <c r="J37" s="740"/>
      <c r="K37" s="613" t="str">
        <f>IF(E37="","",IFERROR(VLOOKUP(E37&amp;$A$68,製品リスト!$L$4:$Q$1000,5,0),"SII登録型番を正しく入力してください"))</f>
        <v/>
      </c>
      <c r="L37" s="614"/>
      <c r="M37" s="614"/>
      <c r="N37" s="614"/>
      <c r="O37" s="614"/>
      <c r="P37" s="614"/>
      <c r="Q37" s="614"/>
      <c r="R37" s="615"/>
      <c r="S37" s="613" t="str">
        <f>IF(E37="","",IFERROR(VLOOKUP(E37&amp;$A$68,製品リスト!$L$4:$Q$1000,6,0),"SII登録型番を正しく入力してください"))</f>
        <v/>
      </c>
      <c r="T37" s="614"/>
      <c r="U37" s="614"/>
      <c r="V37" s="614"/>
      <c r="W37" s="614"/>
      <c r="X37" s="614"/>
      <c r="Y37" s="614"/>
      <c r="Z37" s="614"/>
      <c r="AA37" s="614"/>
      <c r="AB37" s="614"/>
      <c r="AC37" s="614"/>
      <c r="AD37" s="614"/>
      <c r="AE37" s="614"/>
      <c r="AF37" s="614"/>
      <c r="AG37" s="614"/>
      <c r="AH37" s="614"/>
      <c r="AI37" s="614"/>
      <c r="AJ37" s="615"/>
      <c r="AK37" s="742" t="str">
        <f t="shared" si="0"/>
        <v/>
      </c>
      <c r="AL37" s="743"/>
      <c r="AM37" s="744"/>
      <c r="AN37" s="745"/>
      <c r="AO37" s="746"/>
      <c r="AP37" s="746"/>
      <c r="AQ37" s="41" t="s">
        <v>11</v>
      </c>
      <c r="AR37" s="746"/>
      <c r="AS37" s="746"/>
      <c r="AT37" s="747"/>
      <c r="AU37" s="748" t="str">
        <f t="shared" si="1"/>
        <v/>
      </c>
      <c r="AV37" s="749"/>
      <c r="AW37" s="750"/>
      <c r="AX37" s="751" t="str">
        <f t="shared" si="2"/>
        <v/>
      </c>
      <c r="AY37" s="752"/>
      <c r="AZ37" s="753"/>
      <c r="BA37" s="754"/>
      <c r="BB37" s="755"/>
      <c r="BC37" s="756"/>
      <c r="BD37" s="118"/>
      <c r="BE37" s="118"/>
      <c r="BF37" s="328">
        <v>29</v>
      </c>
      <c r="BG37" s="329"/>
    </row>
    <row r="38" spans="1:59" s="1" customFormat="1" ht="31.8" customHeight="1" x14ac:dyDescent="0.2">
      <c r="A38" s="738"/>
      <c r="B38" s="739"/>
      <c r="C38" s="739"/>
      <c r="D38" s="740"/>
      <c r="E38" s="741"/>
      <c r="F38" s="739"/>
      <c r="G38" s="739"/>
      <c r="H38" s="739"/>
      <c r="I38" s="739"/>
      <c r="J38" s="740"/>
      <c r="K38" s="613" t="str">
        <f>IF(E38="","",IFERROR(VLOOKUP(E38&amp;$A$68,製品リスト!$L$4:$Q$1000,5,0),"SII登録型番を正しく入力してください"))</f>
        <v/>
      </c>
      <c r="L38" s="614"/>
      <c r="M38" s="614"/>
      <c r="N38" s="614"/>
      <c r="O38" s="614"/>
      <c r="P38" s="614"/>
      <c r="Q38" s="614"/>
      <c r="R38" s="615"/>
      <c r="S38" s="613" t="str">
        <f>IF(E38="","",IFERROR(VLOOKUP(E38&amp;$A$68,製品リスト!$L$4:$Q$1000,6,0),"SII登録型番を正しく入力してください"))</f>
        <v/>
      </c>
      <c r="T38" s="614"/>
      <c r="U38" s="614"/>
      <c r="V38" s="614"/>
      <c r="W38" s="614"/>
      <c r="X38" s="614"/>
      <c r="Y38" s="614"/>
      <c r="Z38" s="614"/>
      <c r="AA38" s="614"/>
      <c r="AB38" s="614"/>
      <c r="AC38" s="614"/>
      <c r="AD38" s="614"/>
      <c r="AE38" s="614"/>
      <c r="AF38" s="614"/>
      <c r="AG38" s="614"/>
      <c r="AH38" s="614"/>
      <c r="AI38" s="614"/>
      <c r="AJ38" s="615"/>
      <c r="AK38" s="742" t="str">
        <f t="shared" si="0"/>
        <v/>
      </c>
      <c r="AL38" s="743"/>
      <c r="AM38" s="744"/>
      <c r="AN38" s="745"/>
      <c r="AO38" s="746"/>
      <c r="AP38" s="746"/>
      <c r="AQ38" s="41" t="s">
        <v>11</v>
      </c>
      <c r="AR38" s="746"/>
      <c r="AS38" s="746"/>
      <c r="AT38" s="747"/>
      <c r="AU38" s="748" t="str">
        <f t="shared" si="1"/>
        <v/>
      </c>
      <c r="AV38" s="749"/>
      <c r="AW38" s="750"/>
      <c r="AX38" s="751" t="str">
        <f t="shared" si="2"/>
        <v/>
      </c>
      <c r="AY38" s="752"/>
      <c r="AZ38" s="753"/>
      <c r="BA38" s="754"/>
      <c r="BB38" s="755"/>
      <c r="BC38" s="756"/>
      <c r="BD38" s="118"/>
      <c r="BE38" s="118"/>
      <c r="BF38" s="328">
        <v>30</v>
      </c>
      <c r="BG38" s="329"/>
    </row>
    <row r="39" spans="1:59" s="1" customFormat="1" ht="31.8" customHeight="1" x14ac:dyDescent="0.2">
      <c r="A39" s="738"/>
      <c r="B39" s="739"/>
      <c r="C39" s="739"/>
      <c r="D39" s="740"/>
      <c r="E39" s="741"/>
      <c r="F39" s="739"/>
      <c r="G39" s="739"/>
      <c r="H39" s="739"/>
      <c r="I39" s="739"/>
      <c r="J39" s="740"/>
      <c r="K39" s="613" t="str">
        <f>IF(E39="","",IFERROR(VLOOKUP(E39&amp;$A$68,製品リスト!$L$4:$Q$1000,5,0),"SII登録型番を正しく入力してください"))</f>
        <v/>
      </c>
      <c r="L39" s="614"/>
      <c r="M39" s="614"/>
      <c r="N39" s="614"/>
      <c r="O39" s="614"/>
      <c r="P39" s="614"/>
      <c r="Q39" s="614"/>
      <c r="R39" s="615"/>
      <c r="S39" s="613" t="str">
        <f>IF(E39="","",IFERROR(VLOOKUP(E39&amp;$A$68,製品リスト!$L$4:$Q$1000,6,0),"SII登録型番を正しく入力してください"))</f>
        <v/>
      </c>
      <c r="T39" s="614"/>
      <c r="U39" s="614"/>
      <c r="V39" s="614"/>
      <c r="W39" s="614"/>
      <c r="X39" s="614"/>
      <c r="Y39" s="614"/>
      <c r="Z39" s="614"/>
      <c r="AA39" s="614"/>
      <c r="AB39" s="614"/>
      <c r="AC39" s="614"/>
      <c r="AD39" s="614"/>
      <c r="AE39" s="614"/>
      <c r="AF39" s="614"/>
      <c r="AG39" s="614"/>
      <c r="AH39" s="614"/>
      <c r="AI39" s="614"/>
      <c r="AJ39" s="615"/>
      <c r="AK39" s="742" t="str">
        <f t="shared" si="0"/>
        <v/>
      </c>
      <c r="AL39" s="743"/>
      <c r="AM39" s="744"/>
      <c r="AN39" s="745"/>
      <c r="AO39" s="746"/>
      <c r="AP39" s="746"/>
      <c r="AQ39" s="41" t="s">
        <v>11</v>
      </c>
      <c r="AR39" s="746"/>
      <c r="AS39" s="746"/>
      <c r="AT39" s="747"/>
      <c r="AU39" s="748" t="str">
        <f t="shared" si="1"/>
        <v/>
      </c>
      <c r="AV39" s="749"/>
      <c r="AW39" s="750"/>
      <c r="AX39" s="751" t="str">
        <f t="shared" si="2"/>
        <v/>
      </c>
      <c r="AY39" s="752"/>
      <c r="AZ39" s="753"/>
      <c r="BA39" s="754"/>
      <c r="BB39" s="755"/>
      <c r="BC39" s="756"/>
      <c r="BD39" s="118"/>
      <c r="BE39" s="118"/>
      <c r="BF39" s="328">
        <v>31</v>
      </c>
      <c r="BG39" s="329"/>
    </row>
    <row r="40" spans="1:59" s="1" customFormat="1" ht="31.8" customHeight="1" x14ac:dyDescent="0.2">
      <c r="A40" s="738"/>
      <c r="B40" s="739"/>
      <c r="C40" s="739"/>
      <c r="D40" s="740"/>
      <c r="E40" s="741"/>
      <c r="F40" s="739"/>
      <c r="G40" s="739"/>
      <c r="H40" s="739"/>
      <c r="I40" s="739"/>
      <c r="J40" s="740"/>
      <c r="K40" s="613" t="str">
        <f>IF(E40="","",IFERROR(VLOOKUP(E40&amp;$A$68,製品リスト!$L$4:$Q$1000,5,0),"SII登録型番を正しく入力してください"))</f>
        <v/>
      </c>
      <c r="L40" s="614"/>
      <c r="M40" s="614"/>
      <c r="N40" s="614"/>
      <c r="O40" s="614"/>
      <c r="P40" s="614"/>
      <c r="Q40" s="614"/>
      <c r="R40" s="615"/>
      <c r="S40" s="613" t="str">
        <f>IF(E40="","",IFERROR(VLOOKUP(E40&amp;$A$68,製品リスト!$L$4:$Q$1000,6,0),"SII登録型番を正しく入力してください"))</f>
        <v/>
      </c>
      <c r="T40" s="614"/>
      <c r="U40" s="614"/>
      <c r="V40" s="614"/>
      <c r="W40" s="614"/>
      <c r="X40" s="614"/>
      <c r="Y40" s="614"/>
      <c r="Z40" s="614"/>
      <c r="AA40" s="614"/>
      <c r="AB40" s="614"/>
      <c r="AC40" s="614"/>
      <c r="AD40" s="614"/>
      <c r="AE40" s="614"/>
      <c r="AF40" s="614"/>
      <c r="AG40" s="614"/>
      <c r="AH40" s="614"/>
      <c r="AI40" s="614"/>
      <c r="AJ40" s="615"/>
      <c r="AK40" s="742" t="str">
        <f t="shared" si="0"/>
        <v/>
      </c>
      <c r="AL40" s="743"/>
      <c r="AM40" s="744"/>
      <c r="AN40" s="745"/>
      <c r="AO40" s="746"/>
      <c r="AP40" s="746"/>
      <c r="AQ40" s="41" t="s">
        <v>11</v>
      </c>
      <c r="AR40" s="746"/>
      <c r="AS40" s="746"/>
      <c r="AT40" s="747"/>
      <c r="AU40" s="748" t="str">
        <f t="shared" si="1"/>
        <v/>
      </c>
      <c r="AV40" s="749"/>
      <c r="AW40" s="750"/>
      <c r="AX40" s="751" t="str">
        <f t="shared" si="2"/>
        <v/>
      </c>
      <c r="AY40" s="752"/>
      <c r="AZ40" s="753"/>
      <c r="BA40" s="713"/>
      <c r="BB40" s="714"/>
      <c r="BC40" s="715"/>
      <c r="BD40" s="118"/>
      <c r="BE40" s="118"/>
      <c r="BF40" s="328">
        <v>32</v>
      </c>
      <c r="BG40" s="329"/>
    </row>
    <row r="41" spans="1:59" s="1" customFormat="1" ht="31.8" customHeight="1" x14ac:dyDescent="0.2">
      <c r="A41" s="738"/>
      <c r="B41" s="739"/>
      <c r="C41" s="739"/>
      <c r="D41" s="740"/>
      <c r="E41" s="741"/>
      <c r="F41" s="739"/>
      <c r="G41" s="739"/>
      <c r="H41" s="739"/>
      <c r="I41" s="739"/>
      <c r="J41" s="740"/>
      <c r="K41" s="613" t="str">
        <f>IF(E41="","",IFERROR(VLOOKUP(E41&amp;$A$68,製品リスト!$L$4:$Q$1000,5,0),"SII登録型番を正しく入力してください"))</f>
        <v/>
      </c>
      <c r="L41" s="614"/>
      <c r="M41" s="614"/>
      <c r="N41" s="614"/>
      <c r="O41" s="614"/>
      <c r="P41" s="614"/>
      <c r="Q41" s="614"/>
      <c r="R41" s="615"/>
      <c r="S41" s="613" t="str">
        <f>IF(E41="","",IFERROR(VLOOKUP(E41&amp;$A$68,製品リスト!$L$4:$Q$1000,6,0),"SII登録型番を正しく入力してください"))</f>
        <v/>
      </c>
      <c r="T41" s="614"/>
      <c r="U41" s="614"/>
      <c r="V41" s="614"/>
      <c r="W41" s="614"/>
      <c r="X41" s="614"/>
      <c r="Y41" s="614"/>
      <c r="Z41" s="614"/>
      <c r="AA41" s="614"/>
      <c r="AB41" s="614"/>
      <c r="AC41" s="614"/>
      <c r="AD41" s="614"/>
      <c r="AE41" s="614"/>
      <c r="AF41" s="614"/>
      <c r="AG41" s="614"/>
      <c r="AH41" s="614"/>
      <c r="AI41" s="614"/>
      <c r="AJ41" s="615"/>
      <c r="AK41" s="742" t="str">
        <f t="shared" si="0"/>
        <v/>
      </c>
      <c r="AL41" s="743"/>
      <c r="AM41" s="744"/>
      <c r="AN41" s="745"/>
      <c r="AO41" s="746"/>
      <c r="AP41" s="746"/>
      <c r="AQ41" s="41" t="s">
        <v>11</v>
      </c>
      <c r="AR41" s="746"/>
      <c r="AS41" s="746"/>
      <c r="AT41" s="747"/>
      <c r="AU41" s="748" t="str">
        <f t="shared" si="1"/>
        <v/>
      </c>
      <c r="AV41" s="749"/>
      <c r="AW41" s="750"/>
      <c r="AX41" s="751" t="str">
        <f t="shared" si="2"/>
        <v/>
      </c>
      <c r="AY41" s="752"/>
      <c r="AZ41" s="753"/>
      <c r="BA41" s="713"/>
      <c r="BB41" s="714"/>
      <c r="BC41" s="715"/>
      <c r="BD41" s="118"/>
      <c r="BE41" s="118"/>
      <c r="BF41" s="328">
        <v>33</v>
      </c>
      <c r="BG41" s="329"/>
    </row>
    <row r="42" spans="1:59" s="1" customFormat="1" ht="31.8" customHeight="1" x14ac:dyDescent="0.2">
      <c r="A42" s="738"/>
      <c r="B42" s="739"/>
      <c r="C42" s="739"/>
      <c r="D42" s="740"/>
      <c r="E42" s="741"/>
      <c r="F42" s="739"/>
      <c r="G42" s="739"/>
      <c r="H42" s="739"/>
      <c r="I42" s="739"/>
      <c r="J42" s="740"/>
      <c r="K42" s="613" t="str">
        <f>IF(E42="","",IFERROR(VLOOKUP(E42&amp;$A$68,製品リスト!$L$4:$Q$1000,5,0),"SII登録型番を正しく入力してください"))</f>
        <v/>
      </c>
      <c r="L42" s="614"/>
      <c r="M42" s="614"/>
      <c r="N42" s="614"/>
      <c r="O42" s="614"/>
      <c r="P42" s="614"/>
      <c r="Q42" s="614"/>
      <c r="R42" s="615"/>
      <c r="S42" s="613" t="str">
        <f>IF(E42="","",IFERROR(VLOOKUP(E42&amp;$A$68,製品リスト!$L$4:$Q$1000,6,0),"SII登録型番を正しく入力してください"))</f>
        <v/>
      </c>
      <c r="T42" s="614"/>
      <c r="U42" s="614"/>
      <c r="V42" s="614"/>
      <c r="W42" s="614"/>
      <c r="X42" s="614"/>
      <c r="Y42" s="614"/>
      <c r="Z42" s="614"/>
      <c r="AA42" s="614"/>
      <c r="AB42" s="614"/>
      <c r="AC42" s="614"/>
      <c r="AD42" s="614"/>
      <c r="AE42" s="614"/>
      <c r="AF42" s="614"/>
      <c r="AG42" s="614"/>
      <c r="AH42" s="614"/>
      <c r="AI42" s="614"/>
      <c r="AJ42" s="615"/>
      <c r="AK42" s="742" t="str">
        <f t="shared" si="0"/>
        <v/>
      </c>
      <c r="AL42" s="743"/>
      <c r="AM42" s="744"/>
      <c r="AN42" s="745"/>
      <c r="AO42" s="746"/>
      <c r="AP42" s="746"/>
      <c r="AQ42" s="41" t="s">
        <v>11</v>
      </c>
      <c r="AR42" s="746"/>
      <c r="AS42" s="746"/>
      <c r="AT42" s="747"/>
      <c r="AU42" s="748" t="str">
        <f t="shared" si="1"/>
        <v/>
      </c>
      <c r="AV42" s="749"/>
      <c r="AW42" s="750"/>
      <c r="AX42" s="751" t="str">
        <f t="shared" si="2"/>
        <v/>
      </c>
      <c r="AY42" s="752"/>
      <c r="AZ42" s="753"/>
      <c r="BA42" s="754"/>
      <c r="BB42" s="755"/>
      <c r="BC42" s="756"/>
      <c r="BD42" s="118"/>
      <c r="BE42" s="118"/>
      <c r="BF42" s="328">
        <v>34</v>
      </c>
      <c r="BG42" s="329"/>
    </row>
    <row r="43" spans="1:59" s="1" customFormat="1" ht="31.8" customHeight="1" thickBot="1" x14ac:dyDescent="0.25">
      <c r="A43" s="716"/>
      <c r="B43" s="717"/>
      <c r="C43" s="717"/>
      <c r="D43" s="718"/>
      <c r="E43" s="719"/>
      <c r="F43" s="717"/>
      <c r="G43" s="717"/>
      <c r="H43" s="717"/>
      <c r="I43" s="717"/>
      <c r="J43" s="718"/>
      <c r="K43" s="720" t="str">
        <f>IF(E43="","",IFERROR(VLOOKUP(E43&amp;$A$68,製品リスト!$L$4:$Q$1000,5,0),"SII登録型番を正しく入力してください"))</f>
        <v/>
      </c>
      <c r="L43" s="721"/>
      <c r="M43" s="721"/>
      <c r="N43" s="721"/>
      <c r="O43" s="721"/>
      <c r="P43" s="721"/>
      <c r="Q43" s="721"/>
      <c r="R43" s="722"/>
      <c r="S43" s="720" t="str">
        <f>IF(E43="","",IFERROR(VLOOKUP(E43&amp;$A$68,製品リスト!$L$4:$Q$1000,6,0),"SII登録型番を正しく入力してください"))</f>
        <v/>
      </c>
      <c r="T43" s="721"/>
      <c r="U43" s="721"/>
      <c r="V43" s="721"/>
      <c r="W43" s="721"/>
      <c r="X43" s="721"/>
      <c r="Y43" s="721"/>
      <c r="Z43" s="721"/>
      <c r="AA43" s="721"/>
      <c r="AB43" s="721"/>
      <c r="AC43" s="721"/>
      <c r="AD43" s="721"/>
      <c r="AE43" s="721"/>
      <c r="AF43" s="721"/>
      <c r="AG43" s="721"/>
      <c r="AH43" s="721"/>
      <c r="AI43" s="721"/>
      <c r="AJ43" s="722"/>
      <c r="AK43" s="723" t="str">
        <f t="shared" si="0"/>
        <v/>
      </c>
      <c r="AL43" s="724"/>
      <c r="AM43" s="725"/>
      <c r="AN43" s="726"/>
      <c r="AO43" s="727"/>
      <c r="AP43" s="727"/>
      <c r="AQ43" s="133" t="s">
        <v>11</v>
      </c>
      <c r="AR43" s="727"/>
      <c r="AS43" s="727"/>
      <c r="AT43" s="728"/>
      <c r="AU43" s="729" t="str">
        <f t="shared" si="1"/>
        <v/>
      </c>
      <c r="AV43" s="730"/>
      <c r="AW43" s="731"/>
      <c r="AX43" s="732" t="str">
        <f t="shared" si="2"/>
        <v/>
      </c>
      <c r="AY43" s="733"/>
      <c r="AZ43" s="734"/>
      <c r="BA43" s="757"/>
      <c r="BB43" s="758"/>
      <c r="BC43" s="759"/>
      <c r="BD43" s="118"/>
      <c r="BE43" s="118"/>
      <c r="BF43" s="328">
        <v>35</v>
      </c>
      <c r="BG43" s="329"/>
    </row>
    <row r="44" spans="1:59" s="1" customFormat="1" ht="31.8" hidden="1" customHeight="1" x14ac:dyDescent="0.2">
      <c r="A44" s="760"/>
      <c r="B44" s="761"/>
      <c r="C44" s="761"/>
      <c r="D44" s="762"/>
      <c r="E44" s="763"/>
      <c r="F44" s="761"/>
      <c r="G44" s="761"/>
      <c r="H44" s="761"/>
      <c r="I44" s="761"/>
      <c r="J44" s="762"/>
      <c r="K44" s="613" t="str">
        <f>IF(E44="","",IFERROR(VLOOKUP(E44&amp;$A$68,[1]製品リスト!$L$4:$Q$1000,5,0),"SII登録型番を正しく入力してください"))</f>
        <v/>
      </c>
      <c r="L44" s="614"/>
      <c r="M44" s="614"/>
      <c r="N44" s="614"/>
      <c r="O44" s="614"/>
      <c r="P44" s="614"/>
      <c r="Q44" s="614"/>
      <c r="R44" s="615"/>
      <c r="S44" s="613" t="str">
        <f>IF(E44="","",IFERROR(VLOOKUP(E44&amp;$A$68,[1]製品リスト!$L$4:$Q$1000,6,0),"SII登録型番を正しく入力してください"))</f>
        <v/>
      </c>
      <c r="T44" s="614"/>
      <c r="U44" s="614"/>
      <c r="V44" s="614"/>
      <c r="W44" s="614"/>
      <c r="X44" s="614"/>
      <c r="Y44" s="614"/>
      <c r="Z44" s="614"/>
      <c r="AA44" s="614"/>
      <c r="AB44" s="614"/>
      <c r="AC44" s="614"/>
      <c r="AD44" s="614"/>
      <c r="AE44" s="614"/>
      <c r="AF44" s="614"/>
      <c r="AG44" s="614"/>
      <c r="AH44" s="614"/>
      <c r="AI44" s="614"/>
      <c r="AJ44" s="615"/>
      <c r="AK44" s="742" t="str">
        <f t="shared" si="0"/>
        <v/>
      </c>
      <c r="AL44" s="743"/>
      <c r="AM44" s="744"/>
      <c r="AN44" s="764"/>
      <c r="AO44" s="765"/>
      <c r="AP44" s="765"/>
      <c r="AQ44" s="106" t="s">
        <v>11</v>
      </c>
      <c r="AR44" s="765"/>
      <c r="AS44" s="765"/>
      <c r="AT44" s="766"/>
      <c r="AU44" s="748" t="str">
        <f t="shared" si="1"/>
        <v/>
      </c>
      <c r="AV44" s="749"/>
      <c r="AW44" s="750"/>
      <c r="AX44" s="751" t="str">
        <f t="shared" si="2"/>
        <v/>
      </c>
      <c r="AY44" s="752"/>
      <c r="AZ44" s="753"/>
      <c r="BA44" s="767"/>
      <c r="BB44" s="768"/>
      <c r="BC44" s="769"/>
      <c r="BD44" s="118"/>
      <c r="BE44" s="118"/>
      <c r="BF44" s="328">
        <v>36</v>
      </c>
      <c r="BG44" s="329"/>
    </row>
    <row r="45" spans="1:59" s="1" customFormat="1" ht="31.8" hidden="1" customHeight="1" x14ac:dyDescent="0.2">
      <c r="A45" s="738"/>
      <c r="B45" s="739"/>
      <c r="C45" s="739"/>
      <c r="D45" s="740"/>
      <c r="E45" s="741"/>
      <c r="F45" s="739"/>
      <c r="G45" s="739"/>
      <c r="H45" s="739"/>
      <c r="I45" s="739"/>
      <c r="J45" s="740"/>
      <c r="K45" s="613" t="str">
        <f>IF(E45="","",IFERROR(VLOOKUP(E45&amp;$A$68,[1]製品リスト!$L$4:$Q$1000,5,0),"SII登録型番を正しく入力してください"))</f>
        <v/>
      </c>
      <c r="L45" s="614"/>
      <c r="M45" s="614"/>
      <c r="N45" s="614"/>
      <c r="O45" s="614"/>
      <c r="P45" s="614"/>
      <c r="Q45" s="614"/>
      <c r="R45" s="615"/>
      <c r="S45" s="613" t="str">
        <f>IF(E45="","",IFERROR(VLOOKUP(E45&amp;$A$68,[1]製品リスト!$L$4:$Q$1000,6,0),"SII登録型番を正しく入力してください"))</f>
        <v/>
      </c>
      <c r="T45" s="614"/>
      <c r="U45" s="614"/>
      <c r="V45" s="614"/>
      <c r="W45" s="614"/>
      <c r="X45" s="614"/>
      <c r="Y45" s="614"/>
      <c r="Z45" s="614"/>
      <c r="AA45" s="614"/>
      <c r="AB45" s="614"/>
      <c r="AC45" s="614"/>
      <c r="AD45" s="614"/>
      <c r="AE45" s="614"/>
      <c r="AF45" s="614"/>
      <c r="AG45" s="614"/>
      <c r="AH45" s="614"/>
      <c r="AI45" s="614"/>
      <c r="AJ45" s="615"/>
      <c r="AK45" s="742" t="str">
        <f t="shared" si="0"/>
        <v/>
      </c>
      <c r="AL45" s="743"/>
      <c r="AM45" s="744"/>
      <c r="AN45" s="745"/>
      <c r="AO45" s="746"/>
      <c r="AP45" s="746"/>
      <c r="AQ45" s="41" t="s">
        <v>11</v>
      </c>
      <c r="AR45" s="746"/>
      <c r="AS45" s="746"/>
      <c r="AT45" s="747"/>
      <c r="AU45" s="748" t="str">
        <f t="shared" si="1"/>
        <v/>
      </c>
      <c r="AV45" s="749"/>
      <c r="AW45" s="750"/>
      <c r="AX45" s="751" t="str">
        <f t="shared" si="2"/>
        <v/>
      </c>
      <c r="AY45" s="752"/>
      <c r="AZ45" s="753"/>
      <c r="BA45" s="713"/>
      <c r="BB45" s="714"/>
      <c r="BC45" s="715"/>
      <c r="BD45" s="118"/>
      <c r="BE45" s="118"/>
      <c r="BF45" s="328">
        <v>37</v>
      </c>
      <c r="BG45" s="329"/>
    </row>
    <row r="46" spans="1:59" s="1" customFormat="1" ht="31.8" hidden="1" customHeight="1" x14ac:dyDescent="0.2">
      <c r="A46" s="738"/>
      <c r="B46" s="739"/>
      <c r="C46" s="739"/>
      <c r="D46" s="740"/>
      <c r="E46" s="741"/>
      <c r="F46" s="739"/>
      <c r="G46" s="739"/>
      <c r="H46" s="739"/>
      <c r="I46" s="739"/>
      <c r="J46" s="740"/>
      <c r="K46" s="613" t="str">
        <f>IF(E46="","",IFERROR(VLOOKUP(E46&amp;$A$68,[1]製品リスト!$L$4:$Q$1000,5,0),"SII登録型番を正しく入力してください"))</f>
        <v/>
      </c>
      <c r="L46" s="614"/>
      <c r="M46" s="614"/>
      <c r="N46" s="614"/>
      <c r="O46" s="614"/>
      <c r="P46" s="614"/>
      <c r="Q46" s="614"/>
      <c r="R46" s="615"/>
      <c r="S46" s="613" t="str">
        <f>IF(E46="","",IFERROR(VLOOKUP(E46&amp;$A$68,[1]製品リスト!$L$4:$Q$1000,6,0),"SII登録型番を正しく入力してください"))</f>
        <v/>
      </c>
      <c r="T46" s="614"/>
      <c r="U46" s="614"/>
      <c r="V46" s="614"/>
      <c r="W46" s="614"/>
      <c r="X46" s="614"/>
      <c r="Y46" s="614"/>
      <c r="Z46" s="614"/>
      <c r="AA46" s="614"/>
      <c r="AB46" s="614"/>
      <c r="AC46" s="614"/>
      <c r="AD46" s="614"/>
      <c r="AE46" s="614"/>
      <c r="AF46" s="614"/>
      <c r="AG46" s="614"/>
      <c r="AH46" s="614"/>
      <c r="AI46" s="614"/>
      <c r="AJ46" s="615"/>
      <c r="AK46" s="742" t="str">
        <f t="shared" si="0"/>
        <v/>
      </c>
      <c r="AL46" s="743"/>
      <c r="AM46" s="744"/>
      <c r="AN46" s="745"/>
      <c r="AO46" s="746"/>
      <c r="AP46" s="746"/>
      <c r="AQ46" s="41" t="s">
        <v>11</v>
      </c>
      <c r="AR46" s="746"/>
      <c r="AS46" s="746"/>
      <c r="AT46" s="747"/>
      <c r="AU46" s="748" t="str">
        <f t="shared" si="1"/>
        <v/>
      </c>
      <c r="AV46" s="749"/>
      <c r="AW46" s="750"/>
      <c r="AX46" s="751" t="str">
        <f t="shared" si="2"/>
        <v/>
      </c>
      <c r="AY46" s="752"/>
      <c r="AZ46" s="753"/>
      <c r="BA46" s="713"/>
      <c r="BB46" s="714"/>
      <c r="BC46" s="715"/>
      <c r="BD46" s="118"/>
      <c r="BE46" s="118"/>
      <c r="BF46" s="328">
        <v>38</v>
      </c>
      <c r="BG46" s="329"/>
    </row>
    <row r="47" spans="1:59" s="1" customFormat="1" ht="31.8" hidden="1" customHeight="1" x14ac:dyDescent="0.2">
      <c r="A47" s="738"/>
      <c r="B47" s="739"/>
      <c r="C47" s="739"/>
      <c r="D47" s="740"/>
      <c r="E47" s="741"/>
      <c r="F47" s="739"/>
      <c r="G47" s="739"/>
      <c r="H47" s="739"/>
      <c r="I47" s="739"/>
      <c r="J47" s="740"/>
      <c r="K47" s="613" t="str">
        <f>IF(E47="","",IFERROR(VLOOKUP(E47&amp;$A$68,[1]製品リスト!$L$4:$Q$1000,5,0),"SII登録型番を正しく入力してください"))</f>
        <v/>
      </c>
      <c r="L47" s="614"/>
      <c r="M47" s="614"/>
      <c r="N47" s="614"/>
      <c r="O47" s="614"/>
      <c r="P47" s="614"/>
      <c r="Q47" s="614"/>
      <c r="R47" s="615"/>
      <c r="S47" s="613" t="str">
        <f>IF(E47="","",IFERROR(VLOOKUP(E47&amp;$A$68,[1]製品リスト!$L$4:$Q$1000,6,0),"SII登録型番を正しく入力してください"))</f>
        <v/>
      </c>
      <c r="T47" s="614"/>
      <c r="U47" s="614"/>
      <c r="V47" s="614"/>
      <c r="W47" s="614"/>
      <c r="X47" s="614"/>
      <c r="Y47" s="614"/>
      <c r="Z47" s="614"/>
      <c r="AA47" s="614"/>
      <c r="AB47" s="614"/>
      <c r="AC47" s="614"/>
      <c r="AD47" s="614"/>
      <c r="AE47" s="614"/>
      <c r="AF47" s="614"/>
      <c r="AG47" s="614"/>
      <c r="AH47" s="614"/>
      <c r="AI47" s="614"/>
      <c r="AJ47" s="615"/>
      <c r="AK47" s="742" t="str">
        <f t="shared" si="0"/>
        <v/>
      </c>
      <c r="AL47" s="743"/>
      <c r="AM47" s="744"/>
      <c r="AN47" s="745"/>
      <c r="AO47" s="746"/>
      <c r="AP47" s="746"/>
      <c r="AQ47" s="41" t="s">
        <v>11</v>
      </c>
      <c r="AR47" s="746"/>
      <c r="AS47" s="746"/>
      <c r="AT47" s="747"/>
      <c r="AU47" s="748" t="str">
        <f t="shared" si="1"/>
        <v/>
      </c>
      <c r="AV47" s="749"/>
      <c r="AW47" s="750"/>
      <c r="AX47" s="751" t="str">
        <f t="shared" si="2"/>
        <v/>
      </c>
      <c r="AY47" s="752"/>
      <c r="AZ47" s="753"/>
      <c r="BA47" s="754"/>
      <c r="BB47" s="755"/>
      <c r="BC47" s="756"/>
      <c r="BD47" s="118"/>
      <c r="BE47" s="118"/>
      <c r="BF47" s="328">
        <v>39</v>
      </c>
      <c r="BG47" s="329"/>
    </row>
    <row r="48" spans="1:59" s="1" customFormat="1" ht="31.8" hidden="1" customHeight="1" x14ac:dyDescent="0.2">
      <c r="A48" s="738"/>
      <c r="B48" s="739"/>
      <c r="C48" s="739"/>
      <c r="D48" s="740"/>
      <c r="E48" s="741"/>
      <c r="F48" s="739"/>
      <c r="G48" s="739"/>
      <c r="H48" s="739"/>
      <c r="I48" s="739"/>
      <c r="J48" s="740"/>
      <c r="K48" s="613" t="str">
        <f>IF(E48="","",IFERROR(VLOOKUP(E48&amp;$A$68,[1]製品リスト!$L$4:$Q$1000,5,0),"SII登録型番を正しく入力してください"))</f>
        <v/>
      </c>
      <c r="L48" s="614"/>
      <c r="M48" s="614"/>
      <c r="N48" s="614"/>
      <c r="O48" s="614"/>
      <c r="P48" s="614"/>
      <c r="Q48" s="614"/>
      <c r="R48" s="615"/>
      <c r="S48" s="613" t="str">
        <f>IF(E48="","",IFERROR(VLOOKUP(E48&amp;$A$68,[1]製品リスト!$L$4:$Q$1000,6,0),"SII登録型番を正しく入力してください"))</f>
        <v/>
      </c>
      <c r="T48" s="614"/>
      <c r="U48" s="614"/>
      <c r="V48" s="614"/>
      <c r="W48" s="614"/>
      <c r="X48" s="614"/>
      <c r="Y48" s="614"/>
      <c r="Z48" s="614"/>
      <c r="AA48" s="614"/>
      <c r="AB48" s="614"/>
      <c r="AC48" s="614"/>
      <c r="AD48" s="614"/>
      <c r="AE48" s="614"/>
      <c r="AF48" s="614"/>
      <c r="AG48" s="614"/>
      <c r="AH48" s="614"/>
      <c r="AI48" s="614"/>
      <c r="AJ48" s="615"/>
      <c r="AK48" s="742" t="str">
        <f t="shared" si="0"/>
        <v/>
      </c>
      <c r="AL48" s="743"/>
      <c r="AM48" s="744"/>
      <c r="AN48" s="745"/>
      <c r="AO48" s="746"/>
      <c r="AP48" s="746"/>
      <c r="AQ48" s="41" t="s">
        <v>11</v>
      </c>
      <c r="AR48" s="746"/>
      <c r="AS48" s="746"/>
      <c r="AT48" s="747"/>
      <c r="AU48" s="748" t="str">
        <f t="shared" si="1"/>
        <v/>
      </c>
      <c r="AV48" s="749"/>
      <c r="AW48" s="750"/>
      <c r="AX48" s="751" t="str">
        <f t="shared" si="2"/>
        <v/>
      </c>
      <c r="AY48" s="752"/>
      <c r="AZ48" s="753"/>
      <c r="BA48" s="754"/>
      <c r="BB48" s="755"/>
      <c r="BC48" s="756"/>
      <c r="BD48" s="118"/>
      <c r="BE48" s="118"/>
      <c r="BF48" s="328">
        <v>40</v>
      </c>
      <c r="BG48" s="329"/>
    </row>
    <row r="49" spans="1:59" s="1" customFormat="1" ht="31.8" hidden="1" customHeight="1" x14ac:dyDescent="0.2">
      <c r="A49" s="738"/>
      <c r="B49" s="739"/>
      <c r="C49" s="739"/>
      <c r="D49" s="740"/>
      <c r="E49" s="741"/>
      <c r="F49" s="739"/>
      <c r="G49" s="739"/>
      <c r="H49" s="739"/>
      <c r="I49" s="739"/>
      <c r="J49" s="740"/>
      <c r="K49" s="613" t="str">
        <f>IF(E49="","",IFERROR(VLOOKUP(E49&amp;$A$68,[1]製品リスト!$L$4:$Q$1000,5,0),"SII登録型番を正しく入力してください"))</f>
        <v/>
      </c>
      <c r="L49" s="614"/>
      <c r="M49" s="614"/>
      <c r="N49" s="614"/>
      <c r="O49" s="614"/>
      <c r="P49" s="614"/>
      <c r="Q49" s="614"/>
      <c r="R49" s="615"/>
      <c r="S49" s="613" t="str">
        <f>IF(E49="","",IFERROR(VLOOKUP(E49&amp;$A$68,[1]製品リスト!$L$4:$Q$1000,6,0),"SII登録型番を正しく入力してください"))</f>
        <v/>
      </c>
      <c r="T49" s="614"/>
      <c r="U49" s="614"/>
      <c r="V49" s="614"/>
      <c r="W49" s="614"/>
      <c r="X49" s="614"/>
      <c r="Y49" s="614"/>
      <c r="Z49" s="614"/>
      <c r="AA49" s="614"/>
      <c r="AB49" s="614"/>
      <c r="AC49" s="614"/>
      <c r="AD49" s="614"/>
      <c r="AE49" s="614"/>
      <c r="AF49" s="614"/>
      <c r="AG49" s="614"/>
      <c r="AH49" s="614"/>
      <c r="AI49" s="614"/>
      <c r="AJ49" s="615"/>
      <c r="AK49" s="742" t="str">
        <f t="shared" si="0"/>
        <v/>
      </c>
      <c r="AL49" s="743"/>
      <c r="AM49" s="744"/>
      <c r="AN49" s="745"/>
      <c r="AO49" s="746"/>
      <c r="AP49" s="746"/>
      <c r="AQ49" s="41" t="s">
        <v>11</v>
      </c>
      <c r="AR49" s="746"/>
      <c r="AS49" s="746"/>
      <c r="AT49" s="747"/>
      <c r="AU49" s="748" t="str">
        <f t="shared" si="1"/>
        <v/>
      </c>
      <c r="AV49" s="749"/>
      <c r="AW49" s="750"/>
      <c r="AX49" s="751" t="str">
        <f t="shared" si="2"/>
        <v/>
      </c>
      <c r="AY49" s="752"/>
      <c r="AZ49" s="753"/>
      <c r="BA49" s="754"/>
      <c r="BB49" s="755"/>
      <c r="BC49" s="756"/>
      <c r="BD49" s="118"/>
      <c r="BE49" s="118"/>
      <c r="BF49" s="328">
        <v>41</v>
      </c>
      <c r="BG49" s="329"/>
    </row>
    <row r="50" spans="1:59" s="1" customFormat="1" ht="31.8" hidden="1" customHeight="1" x14ac:dyDescent="0.2">
      <c r="A50" s="738"/>
      <c r="B50" s="739"/>
      <c r="C50" s="739"/>
      <c r="D50" s="740"/>
      <c r="E50" s="741"/>
      <c r="F50" s="739"/>
      <c r="G50" s="739"/>
      <c r="H50" s="739"/>
      <c r="I50" s="739"/>
      <c r="J50" s="740"/>
      <c r="K50" s="613" t="str">
        <f>IF(E50="","",IFERROR(VLOOKUP(E50&amp;$A$68,[1]製品リスト!$L$4:$Q$1000,5,0),"SII登録型番を正しく入力してください"))</f>
        <v/>
      </c>
      <c r="L50" s="614"/>
      <c r="M50" s="614"/>
      <c r="N50" s="614"/>
      <c r="O50" s="614"/>
      <c r="P50" s="614"/>
      <c r="Q50" s="614"/>
      <c r="R50" s="615"/>
      <c r="S50" s="613" t="str">
        <f>IF(E50="","",IFERROR(VLOOKUP(E50&amp;$A$68,[1]製品リスト!$L$4:$Q$1000,6,0),"SII登録型番を正しく入力してください"))</f>
        <v/>
      </c>
      <c r="T50" s="614"/>
      <c r="U50" s="614"/>
      <c r="V50" s="614"/>
      <c r="W50" s="614"/>
      <c r="X50" s="614"/>
      <c r="Y50" s="614"/>
      <c r="Z50" s="614"/>
      <c r="AA50" s="614"/>
      <c r="AB50" s="614"/>
      <c r="AC50" s="614"/>
      <c r="AD50" s="614"/>
      <c r="AE50" s="614"/>
      <c r="AF50" s="614"/>
      <c r="AG50" s="614"/>
      <c r="AH50" s="614"/>
      <c r="AI50" s="614"/>
      <c r="AJ50" s="615"/>
      <c r="AK50" s="742" t="str">
        <f t="shared" si="0"/>
        <v/>
      </c>
      <c r="AL50" s="743"/>
      <c r="AM50" s="744"/>
      <c r="AN50" s="745"/>
      <c r="AO50" s="746"/>
      <c r="AP50" s="746"/>
      <c r="AQ50" s="41" t="s">
        <v>11</v>
      </c>
      <c r="AR50" s="746"/>
      <c r="AS50" s="746"/>
      <c r="AT50" s="747"/>
      <c r="AU50" s="748" t="str">
        <f t="shared" si="1"/>
        <v/>
      </c>
      <c r="AV50" s="749"/>
      <c r="AW50" s="750"/>
      <c r="AX50" s="751" t="str">
        <f t="shared" si="2"/>
        <v/>
      </c>
      <c r="AY50" s="752"/>
      <c r="AZ50" s="753"/>
      <c r="BA50" s="754"/>
      <c r="BB50" s="755"/>
      <c r="BC50" s="756"/>
      <c r="BD50" s="118"/>
      <c r="BE50" s="118"/>
      <c r="BF50" s="328">
        <v>42</v>
      </c>
      <c r="BG50" s="329"/>
    </row>
    <row r="51" spans="1:59" s="1" customFormat="1" ht="31.8" hidden="1" customHeight="1" x14ac:dyDescent="0.2">
      <c r="A51" s="738"/>
      <c r="B51" s="739"/>
      <c r="C51" s="739"/>
      <c r="D51" s="740"/>
      <c r="E51" s="741"/>
      <c r="F51" s="739"/>
      <c r="G51" s="739"/>
      <c r="H51" s="739"/>
      <c r="I51" s="739"/>
      <c r="J51" s="740"/>
      <c r="K51" s="613" t="str">
        <f>IF(E51="","",IFERROR(VLOOKUP(E51&amp;$A$68,[1]製品リスト!$L$4:$Q$1000,5,0),"SII登録型番を正しく入力してください"))</f>
        <v/>
      </c>
      <c r="L51" s="614"/>
      <c r="M51" s="614"/>
      <c r="N51" s="614"/>
      <c r="O51" s="614"/>
      <c r="P51" s="614"/>
      <c r="Q51" s="614"/>
      <c r="R51" s="615"/>
      <c r="S51" s="613" t="str">
        <f>IF(E51="","",IFERROR(VLOOKUP(E51&amp;$A$68,[1]製品リスト!$L$4:$Q$1000,6,0),"SII登録型番を正しく入力してください"))</f>
        <v/>
      </c>
      <c r="T51" s="614"/>
      <c r="U51" s="614"/>
      <c r="V51" s="614"/>
      <c r="W51" s="614"/>
      <c r="X51" s="614"/>
      <c r="Y51" s="614"/>
      <c r="Z51" s="614"/>
      <c r="AA51" s="614"/>
      <c r="AB51" s="614"/>
      <c r="AC51" s="614"/>
      <c r="AD51" s="614"/>
      <c r="AE51" s="614"/>
      <c r="AF51" s="614"/>
      <c r="AG51" s="614"/>
      <c r="AH51" s="614"/>
      <c r="AI51" s="614"/>
      <c r="AJ51" s="615"/>
      <c r="AK51" s="742" t="str">
        <f t="shared" si="0"/>
        <v/>
      </c>
      <c r="AL51" s="743"/>
      <c r="AM51" s="744"/>
      <c r="AN51" s="745"/>
      <c r="AO51" s="746"/>
      <c r="AP51" s="746"/>
      <c r="AQ51" s="41" t="s">
        <v>11</v>
      </c>
      <c r="AR51" s="746"/>
      <c r="AS51" s="746"/>
      <c r="AT51" s="747"/>
      <c r="AU51" s="748" t="str">
        <f t="shared" si="1"/>
        <v/>
      </c>
      <c r="AV51" s="749"/>
      <c r="AW51" s="750"/>
      <c r="AX51" s="751" t="str">
        <f t="shared" si="2"/>
        <v/>
      </c>
      <c r="AY51" s="752"/>
      <c r="AZ51" s="753"/>
      <c r="BA51" s="754"/>
      <c r="BB51" s="755"/>
      <c r="BC51" s="756"/>
      <c r="BD51" s="118"/>
      <c r="BE51" s="118"/>
      <c r="BF51" s="328">
        <v>43</v>
      </c>
      <c r="BG51" s="329"/>
    </row>
    <row r="52" spans="1:59" s="1" customFormat="1" ht="31.8" hidden="1" customHeight="1" x14ac:dyDescent="0.2">
      <c r="A52" s="738"/>
      <c r="B52" s="739"/>
      <c r="C52" s="739"/>
      <c r="D52" s="740"/>
      <c r="E52" s="741"/>
      <c r="F52" s="739"/>
      <c r="G52" s="739"/>
      <c r="H52" s="739"/>
      <c r="I52" s="739"/>
      <c r="J52" s="740"/>
      <c r="K52" s="613" t="str">
        <f>IF(E52="","",IFERROR(VLOOKUP(E52&amp;$A$68,[1]製品リスト!$L$4:$Q$1000,5,0),"SII登録型番を正しく入力してください"))</f>
        <v/>
      </c>
      <c r="L52" s="614"/>
      <c r="M52" s="614"/>
      <c r="N52" s="614"/>
      <c r="O52" s="614"/>
      <c r="P52" s="614"/>
      <c r="Q52" s="614"/>
      <c r="R52" s="615"/>
      <c r="S52" s="613" t="str">
        <f>IF(E52="","",IFERROR(VLOOKUP(E52&amp;$A$68,[1]製品リスト!$L$4:$Q$1000,6,0),"SII登録型番を正しく入力してください"))</f>
        <v/>
      </c>
      <c r="T52" s="614"/>
      <c r="U52" s="614"/>
      <c r="V52" s="614"/>
      <c r="W52" s="614"/>
      <c r="X52" s="614"/>
      <c r="Y52" s="614"/>
      <c r="Z52" s="614"/>
      <c r="AA52" s="614"/>
      <c r="AB52" s="614"/>
      <c r="AC52" s="614"/>
      <c r="AD52" s="614"/>
      <c r="AE52" s="614"/>
      <c r="AF52" s="614"/>
      <c r="AG52" s="614"/>
      <c r="AH52" s="614"/>
      <c r="AI52" s="614"/>
      <c r="AJ52" s="615"/>
      <c r="AK52" s="742" t="str">
        <f t="shared" si="0"/>
        <v/>
      </c>
      <c r="AL52" s="743"/>
      <c r="AM52" s="744"/>
      <c r="AN52" s="745"/>
      <c r="AO52" s="746"/>
      <c r="AP52" s="746"/>
      <c r="AQ52" s="41" t="s">
        <v>11</v>
      </c>
      <c r="AR52" s="746"/>
      <c r="AS52" s="746"/>
      <c r="AT52" s="747"/>
      <c r="AU52" s="748" t="str">
        <f t="shared" si="1"/>
        <v/>
      </c>
      <c r="AV52" s="749"/>
      <c r="AW52" s="750"/>
      <c r="AX52" s="751" t="str">
        <f t="shared" si="2"/>
        <v/>
      </c>
      <c r="AY52" s="752"/>
      <c r="AZ52" s="753"/>
      <c r="BA52" s="754"/>
      <c r="BB52" s="755"/>
      <c r="BC52" s="756"/>
      <c r="BD52" s="118"/>
      <c r="BE52" s="118"/>
      <c r="BF52" s="328">
        <v>44</v>
      </c>
      <c r="BG52" s="329"/>
    </row>
    <row r="53" spans="1:59" s="1" customFormat="1" ht="31.8" hidden="1" customHeight="1" x14ac:dyDescent="0.2">
      <c r="A53" s="738"/>
      <c r="B53" s="739"/>
      <c r="C53" s="739"/>
      <c r="D53" s="740"/>
      <c r="E53" s="741"/>
      <c r="F53" s="739"/>
      <c r="G53" s="739"/>
      <c r="H53" s="739"/>
      <c r="I53" s="739"/>
      <c r="J53" s="740"/>
      <c r="K53" s="613" t="str">
        <f>IF(E53="","",IFERROR(VLOOKUP(E53&amp;$A$68,[1]製品リスト!$L$4:$Q$1000,5,0),"SII登録型番を正しく入力してください"))</f>
        <v/>
      </c>
      <c r="L53" s="614"/>
      <c r="M53" s="614"/>
      <c r="N53" s="614"/>
      <c r="O53" s="614"/>
      <c r="P53" s="614"/>
      <c r="Q53" s="614"/>
      <c r="R53" s="615"/>
      <c r="S53" s="613" t="str">
        <f>IF(E53="","",IFERROR(VLOOKUP(E53&amp;$A$68,[1]製品リスト!$L$4:$Q$1000,6,0),"SII登録型番を正しく入力してください"))</f>
        <v/>
      </c>
      <c r="T53" s="614"/>
      <c r="U53" s="614"/>
      <c r="V53" s="614"/>
      <c r="W53" s="614"/>
      <c r="X53" s="614"/>
      <c r="Y53" s="614"/>
      <c r="Z53" s="614"/>
      <c r="AA53" s="614"/>
      <c r="AB53" s="614"/>
      <c r="AC53" s="614"/>
      <c r="AD53" s="614"/>
      <c r="AE53" s="614"/>
      <c r="AF53" s="614"/>
      <c r="AG53" s="614"/>
      <c r="AH53" s="614"/>
      <c r="AI53" s="614"/>
      <c r="AJ53" s="615"/>
      <c r="AK53" s="742" t="str">
        <f t="shared" si="0"/>
        <v/>
      </c>
      <c r="AL53" s="743"/>
      <c r="AM53" s="744"/>
      <c r="AN53" s="745"/>
      <c r="AO53" s="746"/>
      <c r="AP53" s="746"/>
      <c r="AQ53" s="41" t="s">
        <v>11</v>
      </c>
      <c r="AR53" s="746"/>
      <c r="AS53" s="746"/>
      <c r="AT53" s="747"/>
      <c r="AU53" s="748" t="str">
        <f t="shared" si="1"/>
        <v/>
      </c>
      <c r="AV53" s="749"/>
      <c r="AW53" s="750"/>
      <c r="AX53" s="751" t="str">
        <f t="shared" si="2"/>
        <v/>
      </c>
      <c r="AY53" s="752"/>
      <c r="AZ53" s="753"/>
      <c r="BA53" s="754"/>
      <c r="BB53" s="755"/>
      <c r="BC53" s="756"/>
      <c r="BD53" s="118"/>
      <c r="BE53" s="118"/>
      <c r="BF53" s="328">
        <v>45</v>
      </c>
      <c r="BG53" s="329"/>
    </row>
    <row r="54" spans="1:59" s="1" customFormat="1" ht="31.8" hidden="1" customHeight="1" x14ac:dyDescent="0.2">
      <c r="A54" s="738"/>
      <c r="B54" s="739"/>
      <c r="C54" s="739"/>
      <c r="D54" s="740"/>
      <c r="E54" s="741"/>
      <c r="F54" s="739"/>
      <c r="G54" s="739"/>
      <c r="H54" s="739"/>
      <c r="I54" s="739"/>
      <c r="J54" s="740"/>
      <c r="K54" s="613" t="str">
        <f>IF(E54="","",IFERROR(VLOOKUP(E54&amp;$A$68,[1]製品リスト!$L$4:$Q$1000,5,0),"SII登録型番を正しく入力してください"))</f>
        <v/>
      </c>
      <c r="L54" s="614"/>
      <c r="M54" s="614"/>
      <c r="N54" s="614"/>
      <c r="O54" s="614"/>
      <c r="P54" s="614"/>
      <c r="Q54" s="614"/>
      <c r="R54" s="615"/>
      <c r="S54" s="613" t="str">
        <f>IF(E54="","",IFERROR(VLOOKUP(E54&amp;$A$68,[1]製品リスト!$L$4:$Q$1000,6,0),"SII登録型番を正しく入力してください"))</f>
        <v/>
      </c>
      <c r="T54" s="614"/>
      <c r="U54" s="614"/>
      <c r="V54" s="614"/>
      <c r="W54" s="614"/>
      <c r="X54" s="614"/>
      <c r="Y54" s="614"/>
      <c r="Z54" s="614"/>
      <c r="AA54" s="614"/>
      <c r="AB54" s="614"/>
      <c r="AC54" s="614"/>
      <c r="AD54" s="614"/>
      <c r="AE54" s="614"/>
      <c r="AF54" s="614"/>
      <c r="AG54" s="614"/>
      <c r="AH54" s="614"/>
      <c r="AI54" s="614"/>
      <c r="AJ54" s="615"/>
      <c r="AK54" s="742" t="str">
        <f t="shared" si="0"/>
        <v/>
      </c>
      <c r="AL54" s="743"/>
      <c r="AM54" s="744"/>
      <c r="AN54" s="745"/>
      <c r="AO54" s="746"/>
      <c r="AP54" s="746"/>
      <c r="AQ54" s="41" t="s">
        <v>11</v>
      </c>
      <c r="AR54" s="746"/>
      <c r="AS54" s="746"/>
      <c r="AT54" s="747"/>
      <c r="AU54" s="748" t="str">
        <f t="shared" si="1"/>
        <v/>
      </c>
      <c r="AV54" s="749"/>
      <c r="AW54" s="750"/>
      <c r="AX54" s="751" t="str">
        <f t="shared" si="2"/>
        <v/>
      </c>
      <c r="AY54" s="752"/>
      <c r="AZ54" s="753"/>
      <c r="BA54" s="754"/>
      <c r="BB54" s="755"/>
      <c r="BC54" s="756"/>
      <c r="BD54" s="118"/>
      <c r="BE54" s="118"/>
      <c r="BF54" s="328">
        <v>46</v>
      </c>
      <c r="BG54" s="329"/>
    </row>
    <row r="55" spans="1:59" s="1" customFormat="1" ht="31.8" hidden="1" customHeight="1" x14ac:dyDescent="0.2">
      <c r="A55" s="738"/>
      <c r="B55" s="739"/>
      <c r="C55" s="739"/>
      <c r="D55" s="740"/>
      <c r="E55" s="741"/>
      <c r="F55" s="739"/>
      <c r="G55" s="739"/>
      <c r="H55" s="739"/>
      <c r="I55" s="739"/>
      <c r="J55" s="740"/>
      <c r="K55" s="613" t="str">
        <f>IF(E55="","",IFERROR(VLOOKUP(E55&amp;$A$68,[1]製品リスト!$L$4:$Q$1000,5,0),"SII登録型番を正しく入力してください"))</f>
        <v/>
      </c>
      <c r="L55" s="614"/>
      <c r="M55" s="614"/>
      <c r="N55" s="614"/>
      <c r="O55" s="614"/>
      <c r="P55" s="614"/>
      <c r="Q55" s="614"/>
      <c r="R55" s="615"/>
      <c r="S55" s="613" t="str">
        <f>IF(E55="","",IFERROR(VLOOKUP(E55&amp;$A$68,[1]製品リスト!$L$4:$Q$1000,6,0),"SII登録型番を正しく入力してください"))</f>
        <v/>
      </c>
      <c r="T55" s="614"/>
      <c r="U55" s="614"/>
      <c r="V55" s="614"/>
      <c r="W55" s="614"/>
      <c r="X55" s="614"/>
      <c r="Y55" s="614"/>
      <c r="Z55" s="614"/>
      <c r="AA55" s="614"/>
      <c r="AB55" s="614"/>
      <c r="AC55" s="614"/>
      <c r="AD55" s="614"/>
      <c r="AE55" s="614"/>
      <c r="AF55" s="614"/>
      <c r="AG55" s="614"/>
      <c r="AH55" s="614"/>
      <c r="AI55" s="614"/>
      <c r="AJ55" s="615"/>
      <c r="AK55" s="742" t="str">
        <f t="shared" si="0"/>
        <v/>
      </c>
      <c r="AL55" s="743"/>
      <c r="AM55" s="744"/>
      <c r="AN55" s="745"/>
      <c r="AO55" s="746"/>
      <c r="AP55" s="746"/>
      <c r="AQ55" s="41" t="s">
        <v>11</v>
      </c>
      <c r="AR55" s="746"/>
      <c r="AS55" s="746"/>
      <c r="AT55" s="747"/>
      <c r="AU55" s="748" t="str">
        <f t="shared" si="1"/>
        <v/>
      </c>
      <c r="AV55" s="749"/>
      <c r="AW55" s="750"/>
      <c r="AX55" s="751" t="str">
        <f t="shared" si="2"/>
        <v/>
      </c>
      <c r="AY55" s="752"/>
      <c r="AZ55" s="753"/>
      <c r="BA55" s="713"/>
      <c r="BB55" s="714"/>
      <c r="BC55" s="715"/>
      <c r="BD55" s="118"/>
      <c r="BE55" s="118"/>
      <c r="BF55" s="328">
        <v>47</v>
      </c>
      <c r="BG55" s="329"/>
    </row>
    <row r="56" spans="1:59" s="1" customFormat="1" ht="31.8" hidden="1" customHeight="1" x14ac:dyDescent="0.2">
      <c r="A56" s="738"/>
      <c r="B56" s="739"/>
      <c r="C56" s="739"/>
      <c r="D56" s="740"/>
      <c r="E56" s="741"/>
      <c r="F56" s="739"/>
      <c r="G56" s="739"/>
      <c r="H56" s="739"/>
      <c r="I56" s="739"/>
      <c r="J56" s="740"/>
      <c r="K56" s="613" t="str">
        <f>IF(E56="","",IFERROR(VLOOKUP(E56&amp;$A$68,[1]製品リスト!$L$4:$Q$1000,5,0),"SII登録型番を正しく入力してください"))</f>
        <v/>
      </c>
      <c r="L56" s="614"/>
      <c r="M56" s="614"/>
      <c r="N56" s="614"/>
      <c r="O56" s="614"/>
      <c r="P56" s="614"/>
      <c r="Q56" s="614"/>
      <c r="R56" s="615"/>
      <c r="S56" s="613" t="str">
        <f>IF(E56="","",IFERROR(VLOOKUP(E56&amp;$A$68,[1]製品リスト!$L$4:$Q$1000,6,0),"SII登録型番を正しく入力してください"))</f>
        <v/>
      </c>
      <c r="T56" s="614"/>
      <c r="U56" s="614"/>
      <c r="V56" s="614"/>
      <c r="W56" s="614"/>
      <c r="X56" s="614"/>
      <c r="Y56" s="614"/>
      <c r="Z56" s="614"/>
      <c r="AA56" s="614"/>
      <c r="AB56" s="614"/>
      <c r="AC56" s="614"/>
      <c r="AD56" s="614"/>
      <c r="AE56" s="614"/>
      <c r="AF56" s="614"/>
      <c r="AG56" s="614"/>
      <c r="AH56" s="614"/>
      <c r="AI56" s="614"/>
      <c r="AJ56" s="615"/>
      <c r="AK56" s="742" t="str">
        <f t="shared" si="0"/>
        <v/>
      </c>
      <c r="AL56" s="743"/>
      <c r="AM56" s="744"/>
      <c r="AN56" s="745"/>
      <c r="AO56" s="746"/>
      <c r="AP56" s="746"/>
      <c r="AQ56" s="41" t="s">
        <v>11</v>
      </c>
      <c r="AR56" s="746"/>
      <c r="AS56" s="746"/>
      <c r="AT56" s="747"/>
      <c r="AU56" s="748" t="str">
        <f t="shared" si="1"/>
        <v/>
      </c>
      <c r="AV56" s="749"/>
      <c r="AW56" s="750"/>
      <c r="AX56" s="751" t="str">
        <f t="shared" si="2"/>
        <v/>
      </c>
      <c r="AY56" s="752"/>
      <c r="AZ56" s="753"/>
      <c r="BA56" s="713"/>
      <c r="BB56" s="714"/>
      <c r="BC56" s="715"/>
      <c r="BD56" s="118"/>
      <c r="BE56" s="118"/>
      <c r="BF56" s="328">
        <v>48</v>
      </c>
      <c r="BG56" s="329"/>
    </row>
    <row r="57" spans="1:59" s="1" customFormat="1" ht="31.8" hidden="1" customHeight="1" x14ac:dyDescent="0.2">
      <c r="A57" s="738"/>
      <c r="B57" s="739"/>
      <c r="C57" s="739"/>
      <c r="D57" s="740"/>
      <c r="E57" s="741"/>
      <c r="F57" s="739"/>
      <c r="G57" s="739"/>
      <c r="H57" s="739"/>
      <c r="I57" s="739"/>
      <c r="J57" s="740"/>
      <c r="K57" s="613" t="str">
        <f>IF(E57="","",IFERROR(VLOOKUP(E57&amp;$A$68,[1]製品リスト!$L$4:$Q$1000,5,0),"SII登録型番を正しく入力してください"))</f>
        <v/>
      </c>
      <c r="L57" s="614"/>
      <c r="M57" s="614"/>
      <c r="N57" s="614"/>
      <c r="O57" s="614"/>
      <c r="P57" s="614"/>
      <c r="Q57" s="614"/>
      <c r="R57" s="615"/>
      <c r="S57" s="613" t="str">
        <f>IF(E57="","",IFERROR(VLOOKUP(E57&amp;$A$68,[1]製品リスト!$L$4:$Q$1000,6,0),"SII登録型番を正しく入力してください"))</f>
        <v/>
      </c>
      <c r="T57" s="614"/>
      <c r="U57" s="614"/>
      <c r="V57" s="614"/>
      <c r="W57" s="614"/>
      <c r="X57" s="614"/>
      <c r="Y57" s="614"/>
      <c r="Z57" s="614"/>
      <c r="AA57" s="614"/>
      <c r="AB57" s="614"/>
      <c r="AC57" s="614"/>
      <c r="AD57" s="614"/>
      <c r="AE57" s="614"/>
      <c r="AF57" s="614"/>
      <c r="AG57" s="614"/>
      <c r="AH57" s="614"/>
      <c r="AI57" s="614"/>
      <c r="AJ57" s="615"/>
      <c r="AK57" s="742" t="str">
        <f t="shared" si="0"/>
        <v/>
      </c>
      <c r="AL57" s="743"/>
      <c r="AM57" s="744"/>
      <c r="AN57" s="745"/>
      <c r="AO57" s="746"/>
      <c r="AP57" s="746"/>
      <c r="AQ57" s="41" t="s">
        <v>11</v>
      </c>
      <c r="AR57" s="746"/>
      <c r="AS57" s="746"/>
      <c r="AT57" s="747"/>
      <c r="AU57" s="748" t="str">
        <f t="shared" si="1"/>
        <v/>
      </c>
      <c r="AV57" s="749"/>
      <c r="AW57" s="750"/>
      <c r="AX57" s="751" t="str">
        <f t="shared" si="2"/>
        <v/>
      </c>
      <c r="AY57" s="752"/>
      <c r="AZ57" s="753"/>
      <c r="BA57" s="713"/>
      <c r="BB57" s="714"/>
      <c r="BC57" s="715"/>
      <c r="BD57" s="118"/>
      <c r="BE57" s="118"/>
      <c r="BF57" s="328">
        <v>49</v>
      </c>
      <c r="BG57" s="329"/>
    </row>
    <row r="58" spans="1:59" s="1" customFormat="1" ht="31.8" hidden="1" customHeight="1" thickBot="1" x14ac:dyDescent="0.25">
      <c r="A58" s="716"/>
      <c r="B58" s="717"/>
      <c r="C58" s="717"/>
      <c r="D58" s="718"/>
      <c r="E58" s="719"/>
      <c r="F58" s="717"/>
      <c r="G58" s="717"/>
      <c r="H58" s="717"/>
      <c r="I58" s="717"/>
      <c r="J58" s="718"/>
      <c r="K58" s="720" t="str">
        <f>IF(E58="","",IFERROR(VLOOKUP(E58&amp;$A$68,[1]製品リスト!$L$4:$Q$1000,5,0),"SII登録型番を正しく入力してください"))</f>
        <v/>
      </c>
      <c r="L58" s="721"/>
      <c r="M58" s="721"/>
      <c r="N58" s="721"/>
      <c r="O58" s="721"/>
      <c r="P58" s="721"/>
      <c r="Q58" s="721"/>
      <c r="R58" s="722"/>
      <c r="S58" s="720" t="str">
        <f>IF(E58="","",IFERROR(VLOOKUP(E58&amp;$A$68,[1]製品リスト!$L$4:$Q$1000,6,0),"SII登録型番を正しく入力してください"))</f>
        <v/>
      </c>
      <c r="T58" s="721"/>
      <c r="U58" s="721"/>
      <c r="V58" s="721"/>
      <c r="W58" s="721"/>
      <c r="X58" s="721"/>
      <c r="Y58" s="721"/>
      <c r="Z58" s="721"/>
      <c r="AA58" s="721"/>
      <c r="AB58" s="721"/>
      <c r="AC58" s="721"/>
      <c r="AD58" s="721"/>
      <c r="AE58" s="721"/>
      <c r="AF58" s="721"/>
      <c r="AG58" s="721"/>
      <c r="AH58" s="721"/>
      <c r="AI58" s="721"/>
      <c r="AJ58" s="722"/>
      <c r="AK58" s="723" t="str">
        <f t="shared" si="0"/>
        <v/>
      </c>
      <c r="AL58" s="724"/>
      <c r="AM58" s="725"/>
      <c r="AN58" s="726"/>
      <c r="AO58" s="727"/>
      <c r="AP58" s="727"/>
      <c r="AQ58" s="133" t="s">
        <v>11</v>
      </c>
      <c r="AR58" s="727"/>
      <c r="AS58" s="727"/>
      <c r="AT58" s="728"/>
      <c r="AU58" s="729" t="str">
        <f t="shared" si="1"/>
        <v/>
      </c>
      <c r="AV58" s="730"/>
      <c r="AW58" s="731"/>
      <c r="AX58" s="732" t="str">
        <f t="shared" si="2"/>
        <v/>
      </c>
      <c r="AY58" s="733"/>
      <c r="AZ58" s="734"/>
      <c r="BA58" s="735"/>
      <c r="BB58" s="736"/>
      <c r="BC58" s="737"/>
      <c r="BD58" s="118"/>
      <c r="BE58" s="118"/>
      <c r="BF58" s="328">
        <v>50</v>
      </c>
      <c r="BG58" s="329"/>
    </row>
    <row r="59" spans="1:59" ht="15.6" customHeight="1" x14ac:dyDescent="0.2">
      <c r="A59" s="117"/>
      <c r="B59" s="117"/>
      <c r="C59" s="117"/>
      <c r="D59" s="117"/>
      <c r="E59" s="117"/>
      <c r="F59" s="117"/>
      <c r="G59" s="117"/>
      <c r="H59" s="117"/>
      <c r="I59" s="117"/>
      <c r="J59" s="117"/>
      <c r="K59" s="117"/>
      <c r="L59" s="117"/>
      <c r="M59" s="117"/>
      <c r="N59" s="117"/>
      <c r="O59" s="117"/>
      <c r="P59" s="117"/>
      <c r="Q59" s="117"/>
      <c r="R59" s="117"/>
      <c r="S59" s="117"/>
      <c r="T59" s="117"/>
      <c r="U59" s="117"/>
      <c r="V59" s="117"/>
      <c r="W59" s="117"/>
      <c r="X59" s="117"/>
      <c r="Y59" s="117"/>
      <c r="Z59" s="117"/>
      <c r="AA59" s="117"/>
      <c r="AB59" s="117"/>
      <c r="AC59" s="117"/>
      <c r="AD59" s="117"/>
      <c r="AE59" s="117"/>
      <c r="AF59" s="117"/>
      <c r="AG59" s="117"/>
      <c r="AH59" s="117"/>
      <c r="AI59" s="117"/>
      <c r="AJ59" s="117"/>
      <c r="AK59" s="117"/>
      <c r="AL59" s="117"/>
      <c r="AM59" s="117"/>
      <c r="AX59" s="118"/>
      <c r="AY59" s="118"/>
      <c r="AZ59" s="118"/>
      <c r="BA59" s="118"/>
      <c r="BB59" s="118"/>
      <c r="BC59" s="118"/>
      <c r="BD59" s="118"/>
      <c r="BE59" s="118"/>
      <c r="BG59" s="336"/>
    </row>
    <row r="60" spans="1:59" ht="31.5" customHeight="1" thickBot="1" x14ac:dyDescent="0.25">
      <c r="A60" s="27" t="s">
        <v>1248</v>
      </c>
      <c r="B60" s="117"/>
      <c r="C60" s="117"/>
      <c r="D60" s="117"/>
      <c r="E60" s="117"/>
      <c r="F60" s="117"/>
      <c r="G60" s="117"/>
      <c r="H60" s="117"/>
      <c r="I60" s="117"/>
      <c r="J60" s="117"/>
      <c r="K60" s="117"/>
      <c r="L60" s="117"/>
      <c r="M60" s="117"/>
      <c r="N60" s="117"/>
      <c r="O60" s="117"/>
      <c r="P60" s="117"/>
      <c r="Q60" s="117"/>
      <c r="R60" s="117"/>
      <c r="S60" s="117"/>
      <c r="T60" s="117"/>
      <c r="U60" s="117"/>
      <c r="V60" s="117"/>
      <c r="W60" s="117"/>
      <c r="X60" s="117"/>
      <c r="Y60" s="117"/>
      <c r="Z60" s="117"/>
      <c r="AA60" s="117"/>
      <c r="AB60" s="117"/>
      <c r="AC60" s="117"/>
      <c r="AD60" s="117"/>
      <c r="AE60" s="117"/>
      <c r="AF60" s="117"/>
      <c r="AG60" s="117"/>
      <c r="AH60" s="117"/>
      <c r="AI60" s="117"/>
      <c r="AJ60" s="117"/>
      <c r="AK60" s="117"/>
      <c r="AL60" s="118"/>
      <c r="AM60" s="118"/>
      <c r="AN60" s="118"/>
      <c r="AO60" s="118"/>
      <c r="AP60" s="118"/>
      <c r="AQ60" s="118"/>
      <c r="AR60" s="118"/>
      <c r="AS60" s="118"/>
      <c r="AT60" s="118"/>
      <c r="AU60" s="118"/>
      <c r="AV60" s="118"/>
      <c r="AW60" s="118"/>
      <c r="AX60" s="118"/>
      <c r="AY60" s="118"/>
      <c r="AZ60" s="118"/>
      <c r="BA60" s="118"/>
      <c r="BB60" s="118"/>
      <c r="BC60" s="118"/>
      <c r="BD60" s="118"/>
      <c r="BE60" s="118"/>
    </row>
    <row r="61" spans="1:59" ht="34.799999999999997" customHeight="1" thickBot="1" x14ac:dyDescent="0.25">
      <c r="A61" s="666" t="s">
        <v>115</v>
      </c>
      <c r="B61" s="667"/>
      <c r="C61" s="667"/>
      <c r="D61" s="667"/>
      <c r="E61" s="668"/>
      <c r="F61" s="669" t="s">
        <v>134</v>
      </c>
      <c r="G61" s="667"/>
      <c r="H61" s="667"/>
      <c r="I61" s="668"/>
      <c r="J61" s="669" t="s">
        <v>114</v>
      </c>
      <c r="K61" s="667"/>
      <c r="L61" s="667"/>
      <c r="M61" s="667"/>
      <c r="N61" s="667"/>
      <c r="O61" s="667"/>
      <c r="P61" s="667"/>
      <c r="Q61" s="667"/>
      <c r="R61" s="667"/>
      <c r="S61" s="667"/>
      <c r="T61" s="667"/>
      <c r="U61" s="667"/>
      <c r="V61" s="670"/>
      <c r="W61" s="597" t="s">
        <v>147</v>
      </c>
      <c r="X61" s="557"/>
      <c r="Y61" s="671"/>
      <c r="Z61" s="557" t="s">
        <v>101</v>
      </c>
      <c r="AA61" s="591"/>
      <c r="AB61" s="598" t="s">
        <v>124</v>
      </c>
      <c r="AC61" s="557"/>
      <c r="AD61" s="557"/>
      <c r="AE61" s="557"/>
      <c r="AF61" s="557"/>
      <c r="AG61" s="557"/>
      <c r="AH61" s="591"/>
      <c r="AI61" s="598" t="s">
        <v>125</v>
      </c>
      <c r="AJ61" s="557"/>
      <c r="AK61" s="557"/>
      <c r="AL61" s="557"/>
      <c r="AM61" s="557"/>
      <c r="AN61" s="557"/>
      <c r="AO61" s="557"/>
      <c r="AP61" s="557"/>
      <c r="AQ61" s="557"/>
      <c r="AR61" s="591"/>
      <c r="AS61" s="598" t="s">
        <v>87</v>
      </c>
      <c r="AT61" s="557"/>
      <c r="AU61" s="557"/>
      <c r="AV61" s="557"/>
      <c r="AW61" s="557"/>
      <c r="AX61" s="557"/>
      <c r="AY61" s="557"/>
      <c r="AZ61" s="557"/>
      <c r="BA61" s="557"/>
      <c r="BB61" s="557"/>
      <c r="BC61" s="558"/>
      <c r="BD61" s="200"/>
      <c r="BE61" s="200"/>
      <c r="BF61" s="327" t="s">
        <v>657</v>
      </c>
      <c r="BG61" s="338" t="s">
        <v>153</v>
      </c>
    </row>
    <row r="62" spans="1:59" ht="28.8" customHeight="1" thickTop="1" x14ac:dyDescent="0.2">
      <c r="A62" s="686" t="s">
        <v>1232</v>
      </c>
      <c r="B62" s="687"/>
      <c r="C62" s="687"/>
      <c r="D62" s="687"/>
      <c r="E62" s="688"/>
      <c r="F62" s="695" t="s">
        <v>117</v>
      </c>
      <c r="G62" s="696"/>
      <c r="H62" s="696"/>
      <c r="I62" s="697"/>
      <c r="J62" s="703" t="s">
        <v>116</v>
      </c>
      <c r="K62" s="704"/>
      <c r="L62" s="705" t="s">
        <v>120</v>
      </c>
      <c r="M62" s="706"/>
      <c r="N62" s="706"/>
      <c r="O62" s="706"/>
      <c r="P62" s="706"/>
      <c r="Q62" s="706"/>
      <c r="R62" s="706"/>
      <c r="S62" s="706"/>
      <c r="T62" s="706"/>
      <c r="U62" s="706"/>
      <c r="V62" s="707"/>
      <c r="W62" s="708">
        <f>SUMIFS($BA$9:$BC$58,$AK$9:$AM$58,$F$62,$AX$9:$AZ$58,J62)</f>
        <v>0</v>
      </c>
      <c r="X62" s="709"/>
      <c r="Y62" s="710"/>
      <c r="Z62" s="711" t="s">
        <v>101</v>
      </c>
      <c r="AA62" s="712"/>
      <c r="AB62" s="621">
        <v>97000</v>
      </c>
      <c r="AC62" s="622"/>
      <c r="AD62" s="622"/>
      <c r="AE62" s="622"/>
      <c r="AF62" s="622"/>
      <c r="AG62" s="622"/>
      <c r="AH62" s="116" t="s">
        <v>0</v>
      </c>
      <c r="AI62" s="623">
        <f>IF(W62="","",(W62*AB62))</f>
        <v>0</v>
      </c>
      <c r="AJ62" s="624"/>
      <c r="AK62" s="624"/>
      <c r="AL62" s="624"/>
      <c r="AM62" s="624"/>
      <c r="AN62" s="624"/>
      <c r="AO62" s="624"/>
      <c r="AP62" s="624"/>
      <c r="AQ62" s="624"/>
      <c r="AR62" s="113" t="s">
        <v>0</v>
      </c>
      <c r="AS62" s="672">
        <f>SUM(AI62:AQ65)</f>
        <v>0</v>
      </c>
      <c r="AT62" s="673"/>
      <c r="AU62" s="673"/>
      <c r="AV62" s="673"/>
      <c r="AW62" s="673"/>
      <c r="AX62" s="673"/>
      <c r="AY62" s="673"/>
      <c r="AZ62" s="673"/>
      <c r="BA62" s="673"/>
      <c r="BB62" s="673"/>
      <c r="BC62" s="678" t="s">
        <v>126</v>
      </c>
      <c r="BD62" s="201"/>
      <c r="BE62" s="201"/>
      <c r="BF62" s="328">
        <v>51</v>
      </c>
      <c r="BG62" s="329"/>
    </row>
    <row r="63" spans="1:59" ht="28.2" customHeight="1" x14ac:dyDescent="0.2">
      <c r="A63" s="689"/>
      <c r="B63" s="690"/>
      <c r="C63" s="690"/>
      <c r="D63" s="690"/>
      <c r="E63" s="691"/>
      <c r="F63" s="698"/>
      <c r="G63" s="699"/>
      <c r="H63" s="699"/>
      <c r="I63" s="700"/>
      <c r="J63" s="681" t="s">
        <v>117</v>
      </c>
      <c r="K63" s="682"/>
      <c r="L63" s="683" t="s">
        <v>121</v>
      </c>
      <c r="M63" s="684"/>
      <c r="N63" s="684"/>
      <c r="O63" s="684"/>
      <c r="P63" s="684"/>
      <c r="Q63" s="684"/>
      <c r="R63" s="684"/>
      <c r="S63" s="684"/>
      <c r="T63" s="684"/>
      <c r="U63" s="684"/>
      <c r="V63" s="685"/>
      <c r="W63" s="645">
        <f>SUMIFS($BA$9:$BC$58,$AK$9:$AM$58,$F$62,$AX$9:$AZ$58,J63)</f>
        <v>0</v>
      </c>
      <c r="X63" s="646"/>
      <c r="Y63" s="647"/>
      <c r="Z63" s="648" t="s">
        <v>101</v>
      </c>
      <c r="AA63" s="649"/>
      <c r="AB63" s="650">
        <v>138000</v>
      </c>
      <c r="AC63" s="651"/>
      <c r="AD63" s="651"/>
      <c r="AE63" s="651"/>
      <c r="AF63" s="651"/>
      <c r="AG63" s="651"/>
      <c r="AH63" s="115" t="s">
        <v>0</v>
      </c>
      <c r="AI63" s="652">
        <f t="shared" ref="AI63:AI65" si="3">IF(W63="","",(W63*AB63))</f>
        <v>0</v>
      </c>
      <c r="AJ63" s="653"/>
      <c r="AK63" s="653"/>
      <c r="AL63" s="653"/>
      <c r="AM63" s="653"/>
      <c r="AN63" s="653"/>
      <c r="AO63" s="653"/>
      <c r="AP63" s="653"/>
      <c r="AQ63" s="653"/>
      <c r="AR63" s="112" t="s">
        <v>0</v>
      </c>
      <c r="AS63" s="674"/>
      <c r="AT63" s="675"/>
      <c r="AU63" s="675"/>
      <c r="AV63" s="675"/>
      <c r="AW63" s="675"/>
      <c r="AX63" s="675"/>
      <c r="AY63" s="675"/>
      <c r="AZ63" s="675"/>
      <c r="BA63" s="675"/>
      <c r="BB63" s="675"/>
      <c r="BC63" s="679"/>
      <c r="BD63" s="201"/>
      <c r="BE63" s="201"/>
      <c r="BF63" s="328">
        <v>52</v>
      </c>
      <c r="BG63" s="329"/>
    </row>
    <row r="64" spans="1:59" ht="28.2" customHeight="1" x14ac:dyDescent="0.2">
      <c r="A64" s="689"/>
      <c r="B64" s="690"/>
      <c r="C64" s="690"/>
      <c r="D64" s="690"/>
      <c r="E64" s="691"/>
      <c r="F64" s="698"/>
      <c r="G64" s="699"/>
      <c r="H64" s="699"/>
      <c r="I64" s="700"/>
      <c r="J64" s="681" t="s">
        <v>118</v>
      </c>
      <c r="K64" s="682"/>
      <c r="L64" s="683" t="s">
        <v>122</v>
      </c>
      <c r="M64" s="684"/>
      <c r="N64" s="684"/>
      <c r="O64" s="684"/>
      <c r="P64" s="684"/>
      <c r="Q64" s="684"/>
      <c r="R64" s="684"/>
      <c r="S64" s="684"/>
      <c r="T64" s="684"/>
      <c r="U64" s="684"/>
      <c r="V64" s="685"/>
      <c r="W64" s="645">
        <f>SUMIFS($BA$9:$BC$58,$AK$9:$AM$58,$F$62,$AX$9:$AZ$58,J64)</f>
        <v>0</v>
      </c>
      <c r="X64" s="646"/>
      <c r="Y64" s="647"/>
      <c r="Z64" s="648" t="s">
        <v>101</v>
      </c>
      <c r="AA64" s="649"/>
      <c r="AB64" s="650">
        <v>192000</v>
      </c>
      <c r="AC64" s="651"/>
      <c r="AD64" s="651"/>
      <c r="AE64" s="651"/>
      <c r="AF64" s="651"/>
      <c r="AG64" s="651"/>
      <c r="AH64" s="115" t="s">
        <v>0</v>
      </c>
      <c r="AI64" s="652">
        <f t="shared" si="3"/>
        <v>0</v>
      </c>
      <c r="AJ64" s="653"/>
      <c r="AK64" s="653"/>
      <c r="AL64" s="653"/>
      <c r="AM64" s="653"/>
      <c r="AN64" s="653"/>
      <c r="AO64" s="653"/>
      <c r="AP64" s="653"/>
      <c r="AQ64" s="653"/>
      <c r="AR64" s="112" t="s">
        <v>0</v>
      </c>
      <c r="AS64" s="674"/>
      <c r="AT64" s="675"/>
      <c r="AU64" s="675"/>
      <c r="AV64" s="675"/>
      <c r="AW64" s="675"/>
      <c r="AX64" s="675"/>
      <c r="AY64" s="675"/>
      <c r="AZ64" s="675"/>
      <c r="BA64" s="675"/>
      <c r="BB64" s="675"/>
      <c r="BC64" s="679"/>
      <c r="BD64" s="201"/>
      <c r="BE64" s="201"/>
      <c r="BF64" s="328">
        <v>53</v>
      </c>
      <c r="BG64" s="329"/>
    </row>
    <row r="65" spans="1:59" ht="28.2" customHeight="1" thickBot="1" x14ac:dyDescent="0.25">
      <c r="A65" s="692"/>
      <c r="B65" s="693"/>
      <c r="C65" s="693"/>
      <c r="D65" s="693"/>
      <c r="E65" s="694"/>
      <c r="F65" s="654"/>
      <c r="G65" s="701"/>
      <c r="H65" s="701"/>
      <c r="I65" s="702"/>
      <c r="J65" s="654" t="s">
        <v>119</v>
      </c>
      <c r="K65" s="655"/>
      <c r="L65" s="656" t="s">
        <v>123</v>
      </c>
      <c r="M65" s="657"/>
      <c r="N65" s="657"/>
      <c r="O65" s="657"/>
      <c r="P65" s="657"/>
      <c r="Q65" s="657"/>
      <c r="R65" s="657"/>
      <c r="S65" s="657"/>
      <c r="T65" s="657"/>
      <c r="U65" s="657"/>
      <c r="V65" s="658"/>
      <c r="W65" s="659">
        <f>SUMIFS($BA$9:$BC$58,$AK$9:$AM$58,$F$62,$AX$9:$AZ$58,J65)</f>
        <v>0</v>
      </c>
      <c r="X65" s="660"/>
      <c r="Y65" s="661"/>
      <c r="Z65" s="662" t="s">
        <v>101</v>
      </c>
      <c r="AA65" s="663"/>
      <c r="AB65" s="664">
        <v>259000</v>
      </c>
      <c r="AC65" s="665"/>
      <c r="AD65" s="665"/>
      <c r="AE65" s="665"/>
      <c r="AF65" s="665"/>
      <c r="AG65" s="665"/>
      <c r="AH65" s="191" t="s">
        <v>0</v>
      </c>
      <c r="AI65" s="550">
        <f t="shared" si="3"/>
        <v>0</v>
      </c>
      <c r="AJ65" s="551"/>
      <c r="AK65" s="551"/>
      <c r="AL65" s="551"/>
      <c r="AM65" s="551"/>
      <c r="AN65" s="551"/>
      <c r="AO65" s="551"/>
      <c r="AP65" s="551"/>
      <c r="AQ65" s="551"/>
      <c r="AR65" s="192" t="s">
        <v>0</v>
      </c>
      <c r="AS65" s="676"/>
      <c r="AT65" s="677"/>
      <c r="AU65" s="677"/>
      <c r="AV65" s="677"/>
      <c r="AW65" s="677"/>
      <c r="AX65" s="677"/>
      <c r="AY65" s="677"/>
      <c r="AZ65" s="677"/>
      <c r="BA65" s="677"/>
      <c r="BB65" s="677"/>
      <c r="BC65" s="680"/>
      <c r="BD65" s="201"/>
      <c r="BE65" s="201"/>
      <c r="BF65" s="328">
        <v>54</v>
      </c>
      <c r="BG65" s="329"/>
    </row>
    <row r="66" spans="1:59" ht="35.4" customHeight="1" thickTop="1" thickBot="1" x14ac:dyDescent="0.25">
      <c r="A66" s="625" t="s">
        <v>1233</v>
      </c>
      <c r="B66" s="626"/>
      <c r="C66" s="626"/>
      <c r="D66" s="626"/>
      <c r="E66" s="626"/>
      <c r="F66" s="626"/>
      <c r="G66" s="626"/>
      <c r="H66" s="626"/>
      <c r="I66" s="626"/>
      <c r="J66" s="626"/>
      <c r="K66" s="626"/>
      <c r="L66" s="626"/>
      <c r="M66" s="626"/>
      <c r="N66" s="626"/>
      <c r="O66" s="626"/>
      <c r="P66" s="626"/>
      <c r="Q66" s="626"/>
      <c r="R66" s="626"/>
      <c r="S66" s="626"/>
      <c r="T66" s="626"/>
      <c r="U66" s="626"/>
      <c r="V66" s="626"/>
      <c r="W66" s="626"/>
      <c r="X66" s="626"/>
      <c r="Y66" s="626"/>
      <c r="Z66" s="626"/>
      <c r="AA66" s="626"/>
      <c r="AB66" s="626"/>
      <c r="AC66" s="626"/>
      <c r="AD66" s="626"/>
      <c r="AE66" s="626"/>
      <c r="AF66" s="626"/>
      <c r="AG66" s="626"/>
      <c r="AH66" s="626"/>
      <c r="AI66" s="626"/>
      <c r="AJ66" s="626"/>
      <c r="AK66" s="626"/>
      <c r="AL66" s="626"/>
      <c r="AM66" s="626"/>
      <c r="AN66" s="626"/>
      <c r="AO66" s="626"/>
      <c r="AP66" s="626"/>
      <c r="AQ66" s="626"/>
      <c r="AR66" s="305"/>
      <c r="AS66" s="627">
        <f>SUM(AS62:BB65)</f>
        <v>0</v>
      </c>
      <c r="AT66" s="628"/>
      <c r="AU66" s="628"/>
      <c r="AV66" s="628"/>
      <c r="AW66" s="628"/>
      <c r="AX66" s="628"/>
      <c r="AY66" s="628"/>
      <c r="AZ66" s="628"/>
      <c r="BA66" s="628"/>
      <c r="BB66" s="628"/>
      <c r="BC66" s="156" t="s">
        <v>126</v>
      </c>
      <c r="BD66" s="202"/>
      <c r="BE66" s="202"/>
      <c r="BF66" s="328">
        <v>55</v>
      </c>
      <c r="BG66" s="329"/>
    </row>
    <row r="67" spans="1:59" ht="12.6" customHeight="1" x14ac:dyDescent="0.2"/>
    <row r="68" spans="1:59" hidden="1" x14ac:dyDescent="0.2">
      <c r="A68" s="4" t="s">
        <v>782</v>
      </c>
    </row>
    <row r="69" spans="1:59" ht="12.6" customHeight="1" thickBot="1" x14ac:dyDescent="0.25">
      <c r="A69" s="25"/>
      <c r="B69" s="25"/>
      <c r="C69" s="25"/>
      <c r="D69" s="9"/>
      <c r="E69" s="9"/>
      <c r="F69" s="9"/>
      <c r="G69" s="9"/>
      <c r="H69" s="9"/>
      <c r="I69" s="9"/>
      <c r="J69" s="9"/>
      <c r="K69" s="9"/>
      <c r="L69" s="9"/>
      <c r="M69" s="9"/>
      <c r="N69" s="9"/>
      <c r="O69" s="9"/>
      <c r="P69" s="9"/>
      <c r="Q69" s="10"/>
      <c r="R69" s="10"/>
      <c r="S69" s="10"/>
      <c r="T69" s="10"/>
      <c r="U69" s="10"/>
      <c r="V69" s="10"/>
      <c r="W69" s="10"/>
      <c r="X69" s="10"/>
      <c r="Y69" s="10"/>
      <c r="Z69" s="10"/>
      <c r="AA69" s="10"/>
      <c r="AB69" s="10"/>
      <c r="AC69" s="10"/>
      <c r="AD69" s="10"/>
      <c r="AE69" s="10"/>
      <c r="AF69" s="10"/>
      <c r="AG69" s="10"/>
      <c r="AH69" s="10"/>
      <c r="AI69" s="11"/>
      <c r="AJ69" s="11"/>
      <c r="AK69" s="10"/>
      <c r="AL69" s="11"/>
      <c r="AM69" s="11"/>
      <c r="AN69" s="11"/>
      <c r="AO69" s="11"/>
      <c r="AP69" s="11"/>
      <c r="AQ69" s="11"/>
      <c r="AR69" s="11"/>
      <c r="AS69" s="11"/>
      <c r="AT69" s="11"/>
      <c r="AU69" s="11"/>
      <c r="AV69" s="11"/>
      <c r="AW69" s="11"/>
      <c r="AX69" s="11"/>
      <c r="AY69" s="11"/>
      <c r="AZ69" s="11"/>
      <c r="BA69" s="11"/>
      <c r="BB69" s="11"/>
      <c r="BC69" s="11"/>
      <c r="BD69" s="204"/>
      <c r="BE69" s="204"/>
      <c r="BF69" s="330"/>
    </row>
    <row r="70" spans="1:59" ht="28.5" customHeight="1" thickBot="1" x14ac:dyDescent="0.25">
      <c r="A70" s="629" t="s">
        <v>10</v>
      </c>
      <c r="B70" s="630"/>
      <c r="C70" s="630"/>
      <c r="D70" s="630"/>
      <c r="E70" s="630"/>
      <c r="F70" s="630"/>
      <c r="G70" s="630"/>
      <c r="H70" s="630"/>
      <c r="I70" s="631" t="s">
        <v>21</v>
      </c>
      <c r="J70" s="632"/>
      <c r="K70" s="632"/>
      <c r="L70" s="632"/>
      <c r="M70" s="632"/>
      <c r="N70" s="632"/>
      <c r="O70" s="632"/>
      <c r="P70" s="633"/>
      <c r="Q70" s="331"/>
      <c r="R70" s="331"/>
      <c r="S70" s="35"/>
      <c r="T70" s="35"/>
      <c r="U70" s="35"/>
      <c r="V70" s="35"/>
      <c r="W70" s="331"/>
      <c r="X70" s="331"/>
      <c r="Y70" s="35"/>
      <c r="Z70" s="35"/>
      <c r="AA70" s="35"/>
      <c r="AB70" s="35"/>
      <c r="AC70" s="35"/>
      <c r="AD70" s="35"/>
      <c r="AE70" s="35"/>
      <c r="AF70" s="35"/>
      <c r="AG70" s="35"/>
      <c r="AH70" s="35"/>
      <c r="AI70" s="35"/>
      <c r="AJ70" s="35"/>
      <c r="AK70" s="35"/>
      <c r="AL70" s="35"/>
      <c r="AM70" s="35"/>
      <c r="AN70" s="35"/>
      <c r="AO70" s="35"/>
      <c r="BF70" s="24"/>
    </row>
    <row r="71" spans="1:59" ht="7.2" customHeight="1" thickBot="1" x14ac:dyDescent="0.25">
      <c r="D71" s="18"/>
      <c r="E71" s="18"/>
      <c r="F71" s="18"/>
      <c r="G71" s="18"/>
      <c r="H71" s="18"/>
      <c r="I71" s="19"/>
      <c r="J71" s="19"/>
      <c r="K71" s="19"/>
      <c r="L71" s="19"/>
      <c r="M71" s="19"/>
      <c r="N71" s="19"/>
      <c r="O71" s="19"/>
      <c r="P71" s="19"/>
      <c r="Q71" s="19"/>
      <c r="R71" s="19"/>
      <c r="S71" s="19"/>
      <c r="T71" s="19"/>
      <c r="U71" s="19"/>
      <c r="V71" s="19"/>
      <c r="W71" s="19"/>
      <c r="X71" s="19"/>
      <c r="Y71" s="19"/>
      <c r="Z71" s="19"/>
      <c r="AA71" s="19"/>
      <c r="AB71" s="19"/>
      <c r="AC71" s="19"/>
      <c r="AD71" s="19"/>
      <c r="AE71" s="19"/>
      <c r="AF71" s="19"/>
      <c r="AG71" s="19"/>
      <c r="AH71" s="19"/>
      <c r="AI71" s="19"/>
      <c r="AJ71" s="1"/>
      <c r="AK71" s="19"/>
      <c r="AL71" s="19"/>
      <c r="AM71" s="19"/>
      <c r="AN71" s="1"/>
      <c r="AO71" s="1"/>
      <c r="AP71" s="1"/>
      <c r="AQ71" s="1"/>
      <c r="AR71" s="1"/>
      <c r="AS71" s="1"/>
      <c r="AT71" s="1"/>
      <c r="AU71" s="1"/>
      <c r="AV71" s="1"/>
      <c r="AW71" s="1"/>
      <c r="AX71" s="1"/>
      <c r="AY71" s="1"/>
      <c r="AZ71" s="1"/>
      <c r="BA71" s="1"/>
      <c r="BB71" s="1"/>
      <c r="BC71" s="1"/>
      <c r="BF71" s="24"/>
    </row>
    <row r="72" spans="1:59" ht="47.25" customHeight="1" x14ac:dyDescent="0.2">
      <c r="A72" s="634" t="s">
        <v>8</v>
      </c>
      <c r="B72" s="635"/>
      <c r="C72" s="635"/>
      <c r="D72" s="635"/>
      <c r="E72" s="635"/>
      <c r="F72" s="635"/>
      <c r="G72" s="635"/>
      <c r="H72" s="635"/>
      <c r="I72" s="636" t="s">
        <v>7</v>
      </c>
      <c r="J72" s="636"/>
      <c r="K72" s="636"/>
      <c r="L72" s="636"/>
      <c r="M72" s="636"/>
      <c r="N72" s="636"/>
      <c r="O72" s="636"/>
      <c r="P72" s="636"/>
      <c r="Q72" s="636"/>
      <c r="R72" s="636"/>
      <c r="S72" s="636"/>
      <c r="T72" s="636"/>
      <c r="U72" s="636"/>
      <c r="V72" s="636"/>
      <c r="W72" s="636"/>
      <c r="X72" s="636"/>
      <c r="Y72" s="636"/>
      <c r="Z72" s="636"/>
      <c r="AA72" s="637" t="s">
        <v>2</v>
      </c>
      <c r="AB72" s="638"/>
      <c r="AC72" s="638"/>
      <c r="AD72" s="638"/>
      <c r="AE72" s="638"/>
      <c r="AF72" s="638"/>
      <c r="AG72" s="638"/>
      <c r="AH72" s="638"/>
      <c r="AI72" s="638"/>
      <c r="AJ72" s="638"/>
      <c r="AK72" s="638"/>
      <c r="AL72" s="638"/>
      <c r="AM72" s="638"/>
      <c r="AN72" s="638"/>
      <c r="AO72" s="638"/>
      <c r="AP72" s="638"/>
      <c r="AQ72" s="638"/>
      <c r="AR72" s="639"/>
      <c r="AS72" s="640" t="s">
        <v>133</v>
      </c>
      <c r="AT72" s="641"/>
      <c r="AU72" s="641"/>
      <c r="AV72" s="641"/>
      <c r="AW72" s="642"/>
      <c r="AX72" s="643" t="s">
        <v>1234</v>
      </c>
      <c r="AY72" s="643"/>
      <c r="AZ72" s="643"/>
      <c r="BA72" s="643"/>
      <c r="BB72" s="643"/>
      <c r="BC72" s="644"/>
      <c r="BD72" s="28"/>
      <c r="BE72" s="28"/>
      <c r="BF72" s="332" t="s">
        <v>1235</v>
      </c>
      <c r="BG72" s="338" t="s">
        <v>153</v>
      </c>
    </row>
    <row r="73" spans="1:59" s="1" customFormat="1" ht="29.25" customHeight="1" x14ac:dyDescent="0.2">
      <c r="A73" s="599"/>
      <c r="B73" s="600"/>
      <c r="C73" s="600"/>
      <c r="D73" s="600"/>
      <c r="E73" s="600"/>
      <c r="F73" s="600"/>
      <c r="G73" s="600"/>
      <c r="H73" s="600"/>
      <c r="I73" s="601" t="str">
        <f>IF(A73="","",IFERROR(VLOOKUP(A73,製品リスト!$R$4:$T$1000,2,0),"SII登録型番を正しく入力してください"))</f>
        <v/>
      </c>
      <c r="J73" s="601"/>
      <c r="K73" s="601"/>
      <c r="L73" s="601"/>
      <c r="M73" s="601"/>
      <c r="N73" s="601"/>
      <c r="O73" s="601"/>
      <c r="P73" s="601"/>
      <c r="Q73" s="601"/>
      <c r="R73" s="601"/>
      <c r="S73" s="601"/>
      <c r="T73" s="601"/>
      <c r="U73" s="601"/>
      <c r="V73" s="601"/>
      <c r="W73" s="601"/>
      <c r="X73" s="601"/>
      <c r="Y73" s="601"/>
      <c r="Z73" s="601"/>
      <c r="AA73" s="602" t="str">
        <f>IF(A73="","",IFERROR(VLOOKUP(A73,製品リスト!$R$4:$T$1000,3,0),"SII登録型番を正しく入力してください"))</f>
        <v/>
      </c>
      <c r="AB73" s="603"/>
      <c r="AC73" s="603"/>
      <c r="AD73" s="603"/>
      <c r="AE73" s="603"/>
      <c r="AF73" s="603"/>
      <c r="AG73" s="603"/>
      <c r="AH73" s="603"/>
      <c r="AI73" s="603"/>
      <c r="AJ73" s="603"/>
      <c r="AK73" s="603"/>
      <c r="AL73" s="603"/>
      <c r="AM73" s="603"/>
      <c r="AN73" s="603"/>
      <c r="AO73" s="603"/>
      <c r="AP73" s="603"/>
      <c r="AQ73" s="603"/>
      <c r="AR73" s="604"/>
      <c r="AS73" s="605" t="str">
        <f>IF(A73&lt;&gt;"",RIGHT(A73,1),"")</f>
        <v/>
      </c>
      <c r="AT73" s="606"/>
      <c r="AU73" s="606"/>
      <c r="AV73" s="606"/>
      <c r="AW73" s="607"/>
      <c r="AX73" s="608"/>
      <c r="AY73" s="608"/>
      <c r="AZ73" s="608"/>
      <c r="BA73" s="608"/>
      <c r="BB73" s="608"/>
      <c r="BC73" s="609"/>
      <c r="BD73" s="333"/>
      <c r="BE73" s="333"/>
      <c r="BF73" s="332">
        <v>1</v>
      </c>
      <c r="BG73" s="329"/>
    </row>
    <row r="74" spans="1:59" s="1" customFormat="1" ht="29.25" customHeight="1" x14ac:dyDescent="0.2">
      <c r="A74" s="610"/>
      <c r="B74" s="611"/>
      <c r="C74" s="611"/>
      <c r="D74" s="611"/>
      <c r="E74" s="611"/>
      <c r="F74" s="611"/>
      <c r="G74" s="611"/>
      <c r="H74" s="611"/>
      <c r="I74" s="612" t="str">
        <f>IF(A74="","",IFERROR(VLOOKUP(A74,製品リスト!$R$4:$T$1000,2,0),"SII登録型番を正しく入力してください"))</f>
        <v/>
      </c>
      <c r="J74" s="612"/>
      <c r="K74" s="612"/>
      <c r="L74" s="612"/>
      <c r="M74" s="612"/>
      <c r="N74" s="612"/>
      <c r="O74" s="612"/>
      <c r="P74" s="612"/>
      <c r="Q74" s="612"/>
      <c r="R74" s="612"/>
      <c r="S74" s="612"/>
      <c r="T74" s="612"/>
      <c r="U74" s="612"/>
      <c r="V74" s="612"/>
      <c r="W74" s="612"/>
      <c r="X74" s="612"/>
      <c r="Y74" s="612"/>
      <c r="Z74" s="612"/>
      <c r="AA74" s="613" t="str">
        <f>IF(A74="","",IFERROR(VLOOKUP(A74,製品リスト!$R$4:$T$1000,3,0),"SII登録型番を正しく入力してください"))</f>
        <v/>
      </c>
      <c r="AB74" s="614"/>
      <c r="AC74" s="614"/>
      <c r="AD74" s="614"/>
      <c r="AE74" s="614"/>
      <c r="AF74" s="614"/>
      <c r="AG74" s="614"/>
      <c r="AH74" s="614"/>
      <c r="AI74" s="614"/>
      <c r="AJ74" s="614"/>
      <c r="AK74" s="614"/>
      <c r="AL74" s="614"/>
      <c r="AM74" s="614"/>
      <c r="AN74" s="614"/>
      <c r="AO74" s="614"/>
      <c r="AP74" s="614"/>
      <c r="AQ74" s="614"/>
      <c r="AR74" s="615"/>
      <c r="AS74" s="616" t="str">
        <f t="shared" ref="AS74:AS77" si="4">IF(A74&lt;&gt;"",RIGHT(A74,1),"")</f>
        <v/>
      </c>
      <c r="AT74" s="617"/>
      <c r="AU74" s="617"/>
      <c r="AV74" s="617"/>
      <c r="AW74" s="618"/>
      <c r="AX74" s="619"/>
      <c r="AY74" s="619"/>
      <c r="AZ74" s="619"/>
      <c r="BA74" s="619"/>
      <c r="BB74" s="619"/>
      <c r="BC74" s="620"/>
      <c r="BD74" s="333"/>
      <c r="BE74" s="333"/>
      <c r="BF74" s="332">
        <v>2</v>
      </c>
      <c r="BG74" s="329"/>
    </row>
    <row r="75" spans="1:59" s="1" customFormat="1" ht="29.25" customHeight="1" x14ac:dyDescent="0.2">
      <c r="A75" s="599"/>
      <c r="B75" s="600"/>
      <c r="C75" s="600"/>
      <c r="D75" s="600"/>
      <c r="E75" s="600"/>
      <c r="F75" s="600"/>
      <c r="G75" s="600"/>
      <c r="H75" s="600"/>
      <c r="I75" s="601" t="str">
        <f>IF(A75="","",IFERROR(VLOOKUP(A75,製品リスト!$R$4:$T$1000,2,0),"SII登録型番を正しく入力してください"))</f>
        <v/>
      </c>
      <c r="J75" s="601"/>
      <c r="K75" s="601"/>
      <c r="L75" s="601"/>
      <c r="M75" s="601"/>
      <c r="N75" s="601"/>
      <c r="O75" s="601"/>
      <c r="P75" s="601"/>
      <c r="Q75" s="601"/>
      <c r="R75" s="601"/>
      <c r="S75" s="601"/>
      <c r="T75" s="601"/>
      <c r="U75" s="601"/>
      <c r="V75" s="601"/>
      <c r="W75" s="601"/>
      <c r="X75" s="601"/>
      <c r="Y75" s="601"/>
      <c r="Z75" s="601"/>
      <c r="AA75" s="602" t="str">
        <f>IF(A75="","",IFERROR(VLOOKUP(A75,製品リスト!$R$4:$T$1000,3,0),"SII登録型番を正しく入力してください"))</f>
        <v/>
      </c>
      <c r="AB75" s="603"/>
      <c r="AC75" s="603"/>
      <c r="AD75" s="603"/>
      <c r="AE75" s="603"/>
      <c r="AF75" s="603"/>
      <c r="AG75" s="603"/>
      <c r="AH75" s="603"/>
      <c r="AI75" s="603"/>
      <c r="AJ75" s="603"/>
      <c r="AK75" s="603"/>
      <c r="AL75" s="603"/>
      <c r="AM75" s="603"/>
      <c r="AN75" s="603"/>
      <c r="AO75" s="603"/>
      <c r="AP75" s="603"/>
      <c r="AQ75" s="603"/>
      <c r="AR75" s="604"/>
      <c r="AS75" s="605" t="str">
        <f t="shared" si="4"/>
        <v/>
      </c>
      <c r="AT75" s="606"/>
      <c r="AU75" s="606"/>
      <c r="AV75" s="606"/>
      <c r="AW75" s="607"/>
      <c r="AX75" s="608"/>
      <c r="AY75" s="608"/>
      <c r="AZ75" s="608"/>
      <c r="BA75" s="608"/>
      <c r="BB75" s="608"/>
      <c r="BC75" s="609"/>
      <c r="BD75" s="333"/>
      <c r="BE75" s="333"/>
      <c r="BF75" s="332">
        <v>3</v>
      </c>
      <c r="BG75" s="329"/>
    </row>
    <row r="76" spans="1:59" s="1" customFormat="1" ht="29.25" customHeight="1" x14ac:dyDescent="0.2">
      <c r="A76" s="599"/>
      <c r="B76" s="600"/>
      <c r="C76" s="600"/>
      <c r="D76" s="600"/>
      <c r="E76" s="600"/>
      <c r="F76" s="600"/>
      <c r="G76" s="600"/>
      <c r="H76" s="600"/>
      <c r="I76" s="601" t="str">
        <f>IF(A76="","",IFERROR(VLOOKUP(A76,製品リスト!$R$4:$T$1000,2,0),"SII登録型番を正しく入力してください"))</f>
        <v/>
      </c>
      <c r="J76" s="601"/>
      <c r="K76" s="601"/>
      <c r="L76" s="601"/>
      <c r="M76" s="601"/>
      <c r="N76" s="601"/>
      <c r="O76" s="601"/>
      <c r="P76" s="601"/>
      <c r="Q76" s="601"/>
      <c r="R76" s="601"/>
      <c r="S76" s="601"/>
      <c r="T76" s="601"/>
      <c r="U76" s="601"/>
      <c r="V76" s="601"/>
      <c r="W76" s="601"/>
      <c r="X76" s="601"/>
      <c r="Y76" s="601"/>
      <c r="Z76" s="601"/>
      <c r="AA76" s="602" t="str">
        <f>IF(A76="","",IFERROR(VLOOKUP(A76,製品リスト!$R$4:$T$1000,3,0),"SII登録型番を正しく入力してください"))</f>
        <v/>
      </c>
      <c r="AB76" s="603"/>
      <c r="AC76" s="603"/>
      <c r="AD76" s="603"/>
      <c r="AE76" s="603"/>
      <c r="AF76" s="603"/>
      <c r="AG76" s="603"/>
      <c r="AH76" s="603"/>
      <c r="AI76" s="603"/>
      <c r="AJ76" s="603"/>
      <c r="AK76" s="603"/>
      <c r="AL76" s="603"/>
      <c r="AM76" s="603"/>
      <c r="AN76" s="603"/>
      <c r="AO76" s="603"/>
      <c r="AP76" s="603"/>
      <c r="AQ76" s="603"/>
      <c r="AR76" s="604"/>
      <c r="AS76" s="605" t="str">
        <f t="shared" si="4"/>
        <v/>
      </c>
      <c r="AT76" s="606"/>
      <c r="AU76" s="606"/>
      <c r="AV76" s="606"/>
      <c r="AW76" s="607"/>
      <c r="AX76" s="608"/>
      <c r="AY76" s="608"/>
      <c r="AZ76" s="608"/>
      <c r="BA76" s="608"/>
      <c r="BB76" s="608"/>
      <c r="BC76" s="609"/>
      <c r="BD76" s="333"/>
      <c r="BE76" s="333"/>
      <c r="BF76" s="332">
        <v>4</v>
      </c>
      <c r="BG76" s="329"/>
    </row>
    <row r="77" spans="1:59" s="1" customFormat="1" ht="29.25" customHeight="1" thickBot="1" x14ac:dyDescent="0.25">
      <c r="A77" s="579"/>
      <c r="B77" s="580"/>
      <c r="C77" s="580"/>
      <c r="D77" s="580"/>
      <c r="E77" s="580"/>
      <c r="F77" s="580"/>
      <c r="G77" s="580"/>
      <c r="H77" s="580"/>
      <c r="I77" s="581" t="str">
        <f>IF(A77="","",IFERROR(VLOOKUP(A77,製品リスト!$R$4:$T$1000,2,0),"SII登録型番を正しく入力してください"))</f>
        <v/>
      </c>
      <c r="J77" s="581"/>
      <c r="K77" s="581"/>
      <c r="L77" s="581"/>
      <c r="M77" s="581"/>
      <c r="N77" s="581"/>
      <c r="O77" s="581"/>
      <c r="P77" s="581"/>
      <c r="Q77" s="581"/>
      <c r="R77" s="581"/>
      <c r="S77" s="581"/>
      <c r="T77" s="581"/>
      <c r="U77" s="581"/>
      <c r="V77" s="581"/>
      <c r="W77" s="581"/>
      <c r="X77" s="581"/>
      <c r="Y77" s="581"/>
      <c r="Z77" s="581"/>
      <c r="AA77" s="582" t="str">
        <f>IF(A77="","",IFERROR(VLOOKUP(A77,製品リスト!$R$4:$T$1000,3,0),"SII登録型番を正しく入力してください"))</f>
        <v/>
      </c>
      <c r="AB77" s="583"/>
      <c r="AC77" s="583"/>
      <c r="AD77" s="583"/>
      <c r="AE77" s="583"/>
      <c r="AF77" s="583"/>
      <c r="AG77" s="583"/>
      <c r="AH77" s="583"/>
      <c r="AI77" s="583"/>
      <c r="AJ77" s="583"/>
      <c r="AK77" s="583"/>
      <c r="AL77" s="583"/>
      <c r="AM77" s="583"/>
      <c r="AN77" s="583"/>
      <c r="AO77" s="583"/>
      <c r="AP77" s="583"/>
      <c r="AQ77" s="583"/>
      <c r="AR77" s="584"/>
      <c r="AS77" s="585" t="str">
        <f t="shared" si="4"/>
        <v/>
      </c>
      <c r="AT77" s="586"/>
      <c r="AU77" s="586"/>
      <c r="AV77" s="586"/>
      <c r="AW77" s="587"/>
      <c r="AX77" s="588"/>
      <c r="AY77" s="588"/>
      <c r="AZ77" s="588"/>
      <c r="BA77" s="588"/>
      <c r="BB77" s="588"/>
      <c r="BC77" s="589"/>
      <c r="BD77" s="333"/>
      <c r="BE77" s="333"/>
      <c r="BF77" s="332">
        <v>5</v>
      </c>
      <c r="BG77" s="329"/>
    </row>
    <row r="78" spans="1:59" ht="15.6" customHeight="1" x14ac:dyDescent="0.2">
      <c r="A78" s="28"/>
      <c r="B78" s="28"/>
      <c r="C78" s="28"/>
      <c r="D78" s="28"/>
      <c r="E78" s="28"/>
      <c r="F78" s="28"/>
      <c r="G78" s="28"/>
      <c r="H78" s="28"/>
      <c r="I78" s="28"/>
      <c r="J78" s="28"/>
      <c r="K78" s="28"/>
      <c r="L78" s="28"/>
      <c r="M78" s="28"/>
      <c r="N78" s="28"/>
      <c r="O78" s="28"/>
      <c r="P78" s="28"/>
      <c r="Q78" s="28"/>
      <c r="R78" s="28"/>
      <c r="S78" s="28"/>
      <c r="T78" s="28"/>
      <c r="U78" s="28"/>
      <c r="V78" s="28"/>
      <c r="W78" s="28"/>
      <c r="X78" s="28"/>
      <c r="Y78" s="28"/>
      <c r="Z78" s="28"/>
      <c r="AA78" s="28"/>
      <c r="AB78" s="28"/>
      <c r="AC78" s="28"/>
      <c r="AD78" s="28"/>
      <c r="AE78" s="28"/>
      <c r="AF78" s="28"/>
      <c r="AG78" s="28"/>
      <c r="AH78" s="28"/>
      <c r="AI78" s="28"/>
      <c r="AJ78" s="28"/>
      <c r="AK78" s="28"/>
      <c r="AL78" s="28"/>
      <c r="AM78" s="28"/>
      <c r="AN78" s="28"/>
      <c r="AO78" s="28"/>
      <c r="AP78" s="28"/>
      <c r="AQ78" s="28"/>
      <c r="AR78" s="28"/>
      <c r="AS78" s="28"/>
      <c r="AT78" s="28"/>
      <c r="AU78" s="28"/>
      <c r="AV78" s="28"/>
      <c r="AW78" s="28"/>
      <c r="AX78" s="28"/>
      <c r="AY78" s="28"/>
      <c r="AZ78" s="28"/>
      <c r="BA78" s="28"/>
      <c r="BB78" s="28"/>
      <c r="BC78" s="28"/>
      <c r="BD78" s="28"/>
      <c r="BE78" s="28"/>
      <c r="BF78" s="24"/>
    </row>
    <row r="79" spans="1:59" ht="31.5" customHeight="1" thickBot="1" x14ac:dyDescent="0.25">
      <c r="A79" s="27" t="s">
        <v>69</v>
      </c>
      <c r="B79" s="94"/>
      <c r="C79" s="94"/>
      <c r="D79" s="94"/>
      <c r="E79" s="94"/>
      <c r="F79" s="94"/>
      <c r="G79" s="94"/>
      <c r="H79" s="94"/>
      <c r="I79" s="94"/>
      <c r="J79" s="94"/>
      <c r="K79" s="94"/>
      <c r="L79" s="94"/>
      <c r="M79" s="94"/>
      <c r="N79" s="94"/>
      <c r="O79" s="94"/>
      <c r="P79" s="94"/>
      <c r="Q79" s="77"/>
      <c r="R79" s="77"/>
      <c r="S79" s="77"/>
      <c r="T79" s="77"/>
      <c r="U79" s="77"/>
      <c r="V79" s="77"/>
      <c r="W79" s="77"/>
      <c r="X79" s="77"/>
      <c r="Y79" s="77"/>
      <c r="Z79" s="77"/>
      <c r="AA79" s="77"/>
      <c r="AB79" s="77"/>
      <c r="AC79" s="77"/>
      <c r="AD79" s="77"/>
      <c r="AE79" s="77"/>
      <c r="AF79" s="77"/>
      <c r="AG79" s="77"/>
      <c r="AH79" s="77"/>
      <c r="AI79" s="77"/>
      <c r="AJ79" s="77"/>
      <c r="AK79" s="77"/>
      <c r="AL79" s="77"/>
      <c r="AM79" s="77"/>
      <c r="AN79" s="77"/>
      <c r="AO79" s="77"/>
      <c r="AP79" s="77"/>
      <c r="AQ79" s="77"/>
      <c r="AR79" s="77"/>
      <c r="AS79" s="77"/>
      <c r="AT79" s="77"/>
      <c r="AU79" s="94"/>
      <c r="AV79" s="94"/>
      <c r="AW79" s="94"/>
      <c r="AX79" s="94"/>
      <c r="AY79" s="94"/>
      <c r="AZ79" s="94"/>
      <c r="BA79" s="94"/>
      <c r="BB79" s="94"/>
      <c r="BC79" s="94"/>
      <c r="BD79" s="94"/>
      <c r="BE79" s="94"/>
      <c r="BF79" s="24"/>
    </row>
    <row r="80" spans="1:59" ht="57" customHeight="1" thickBot="1" x14ac:dyDescent="0.25">
      <c r="A80" s="590" t="s">
        <v>133</v>
      </c>
      <c r="B80" s="557"/>
      <c r="C80" s="557"/>
      <c r="D80" s="557"/>
      <c r="E80" s="557"/>
      <c r="F80" s="557"/>
      <c r="G80" s="557"/>
      <c r="H80" s="591"/>
      <c r="I80" s="592" t="s">
        <v>1234</v>
      </c>
      <c r="J80" s="593"/>
      <c r="K80" s="593"/>
      <c r="L80" s="593"/>
      <c r="M80" s="594"/>
      <c r="N80" s="595" t="s">
        <v>70</v>
      </c>
      <c r="O80" s="596"/>
      <c r="P80" s="597" t="s">
        <v>71</v>
      </c>
      <c r="Q80" s="557"/>
      <c r="R80" s="557"/>
      <c r="S80" s="557"/>
      <c r="T80" s="557"/>
      <c r="U80" s="557"/>
      <c r="V80" s="557"/>
      <c r="W80" s="598" t="s">
        <v>72</v>
      </c>
      <c r="X80" s="557"/>
      <c r="Y80" s="557"/>
      <c r="Z80" s="557"/>
      <c r="AA80" s="557"/>
      <c r="AB80" s="557"/>
      <c r="AC80" s="557"/>
      <c r="AD80" s="557"/>
      <c r="AE80" s="557"/>
      <c r="AF80" s="557"/>
      <c r="AG80" s="557"/>
      <c r="AH80" s="557"/>
      <c r="AI80" s="557"/>
      <c r="AJ80" s="557"/>
      <c r="AK80" s="591"/>
      <c r="AL80" s="557" t="s">
        <v>73</v>
      </c>
      <c r="AM80" s="557"/>
      <c r="AN80" s="557"/>
      <c r="AO80" s="557"/>
      <c r="AP80" s="557"/>
      <c r="AQ80" s="557"/>
      <c r="AR80" s="557"/>
      <c r="AS80" s="557"/>
      <c r="AT80" s="557"/>
      <c r="AU80" s="557"/>
      <c r="AV80" s="557"/>
      <c r="AW80" s="557"/>
      <c r="AX80" s="557"/>
      <c r="AY80" s="557"/>
      <c r="AZ80" s="557"/>
      <c r="BA80" s="557"/>
      <c r="BB80" s="557"/>
      <c r="BC80" s="558"/>
      <c r="BD80" s="200"/>
      <c r="BE80" s="200"/>
      <c r="BF80" s="332" t="s">
        <v>1235</v>
      </c>
      <c r="BG80" s="338" t="s">
        <v>153</v>
      </c>
    </row>
    <row r="81" spans="1:59" ht="34.5" customHeight="1" thickTop="1" x14ac:dyDescent="0.2">
      <c r="A81" s="559" t="s">
        <v>1236</v>
      </c>
      <c r="B81" s="560"/>
      <c r="C81" s="560"/>
      <c r="D81" s="560"/>
      <c r="E81" s="560"/>
      <c r="F81" s="560"/>
      <c r="G81" s="560"/>
      <c r="H81" s="560"/>
      <c r="I81" s="561">
        <f>SUMIF($AS$73:$AW$77,A81,$AX$73:$BC$77)</f>
        <v>0</v>
      </c>
      <c r="J81" s="562"/>
      <c r="K81" s="562"/>
      <c r="L81" s="562"/>
      <c r="M81" s="563"/>
      <c r="N81" s="564" t="s">
        <v>70</v>
      </c>
      <c r="O81" s="565"/>
      <c r="P81" s="566">
        <v>250000</v>
      </c>
      <c r="Q81" s="567"/>
      <c r="R81" s="567"/>
      <c r="S81" s="567"/>
      <c r="T81" s="567"/>
      <c r="U81" s="567"/>
      <c r="V81" s="86" t="s">
        <v>0</v>
      </c>
      <c r="W81" s="568">
        <f>IF(I81&lt;&gt;"",(I81*P81),"")</f>
        <v>0</v>
      </c>
      <c r="X81" s="569"/>
      <c r="Y81" s="569"/>
      <c r="Z81" s="569"/>
      <c r="AA81" s="569"/>
      <c r="AB81" s="569"/>
      <c r="AC81" s="569"/>
      <c r="AD81" s="569"/>
      <c r="AE81" s="569"/>
      <c r="AF81" s="569"/>
      <c r="AG81" s="569"/>
      <c r="AH81" s="569"/>
      <c r="AI81" s="569"/>
      <c r="AJ81" s="569"/>
      <c r="AK81" s="82" t="s">
        <v>0</v>
      </c>
      <c r="AL81" s="570">
        <f>SUM(W81:AJ82)</f>
        <v>0</v>
      </c>
      <c r="AM81" s="570"/>
      <c r="AN81" s="570"/>
      <c r="AO81" s="570"/>
      <c r="AP81" s="570"/>
      <c r="AQ81" s="570"/>
      <c r="AR81" s="570"/>
      <c r="AS81" s="570"/>
      <c r="AT81" s="570"/>
      <c r="AU81" s="570"/>
      <c r="AV81" s="570"/>
      <c r="AW81" s="570"/>
      <c r="AX81" s="570"/>
      <c r="AY81" s="570"/>
      <c r="AZ81" s="570"/>
      <c r="BA81" s="570"/>
      <c r="BB81" s="570"/>
      <c r="BC81" s="572" t="s">
        <v>0</v>
      </c>
      <c r="BD81" s="28"/>
      <c r="BE81" s="28"/>
      <c r="BF81" s="332">
        <v>6</v>
      </c>
      <c r="BG81" s="334"/>
    </row>
    <row r="82" spans="1:59" ht="34.5" customHeight="1" thickBot="1" x14ac:dyDescent="0.25">
      <c r="A82" s="574" t="s">
        <v>1237</v>
      </c>
      <c r="B82" s="575"/>
      <c r="C82" s="575"/>
      <c r="D82" s="575"/>
      <c r="E82" s="575"/>
      <c r="F82" s="575"/>
      <c r="G82" s="575"/>
      <c r="H82" s="576"/>
      <c r="I82" s="577">
        <f>SUMIF($AS$73:$AW$77,A82,$AX$73:$BC$77)</f>
        <v>0</v>
      </c>
      <c r="J82" s="575"/>
      <c r="K82" s="575"/>
      <c r="L82" s="575"/>
      <c r="M82" s="578"/>
      <c r="N82" s="546" t="s">
        <v>70</v>
      </c>
      <c r="O82" s="547"/>
      <c r="P82" s="548">
        <v>170000</v>
      </c>
      <c r="Q82" s="549"/>
      <c r="R82" s="549"/>
      <c r="S82" s="549"/>
      <c r="T82" s="549"/>
      <c r="U82" s="549"/>
      <c r="V82" s="87" t="s">
        <v>0</v>
      </c>
      <c r="W82" s="550">
        <f>IF(I82&lt;&gt;"",(I82*P82),"")</f>
        <v>0</v>
      </c>
      <c r="X82" s="551"/>
      <c r="Y82" s="551"/>
      <c r="Z82" s="551"/>
      <c r="AA82" s="551"/>
      <c r="AB82" s="551"/>
      <c r="AC82" s="551"/>
      <c r="AD82" s="551"/>
      <c r="AE82" s="551"/>
      <c r="AF82" s="551"/>
      <c r="AG82" s="551"/>
      <c r="AH82" s="551"/>
      <c r="AI82" s="551"/>
      <c r="AJ82" s="551"/>
      <c r="AK82" s="85" t="s">
        <v>0</v>
      </c>
      <c r="AL82" s="571"/>
      <c r="AM82" s="571"/>
      <c r="AN82" s="571"/>
      <c r="AO82" s="571"/>
      <c r="AP82" s="571"/>
      <c r="AQ82" s="571"/>
      <c r="AR82" s="571"/>
      <c r="AS82" s="571"/>
      <c r="AT82" s="571"/>
      <c r="AU82" s="571"/>
      <c r="AV82" s="571"/>
      <c r="AW82" s="571"/>
      <c r="AX82" s="571"/>
      <c r="AY82" s="571"/>
      <c r="AZ82" s="571"/>
      <c r="BA82" s="571"/>
      <c r="BB82" s="571"/>
      <c r="BC82" s="573"/>
      <c r="BD82" s="28"/>
      <c r="BE82" s="28"/>
      <c r="BF82" s="332">
        <v>7</v>
      </c>
      <c r="BG82" s="334"/>
    </row>
    <row r="83" spans="1:59" ht="38.25" customHeight="1" thickTop="1" thickBot="1" x14ac:dyDescent="0.25">
      <c r="A83" s="552" t="s">
        <v>79</v>
      </c>
      <c r="B83" s="553"/>
      <c r="C83" s="553"/>
      <c r="D83" s="553"/>
      <c r="E83" s="553"/>
      <c r="F83" s="553"/>
      <c r="G83" s="553"/>
      <c r="H83" s="553"/>
      <c r="I83" s="553"/>
      <c r="J83" s="553"/>
      <c r="K83" s="553"/>
      <c r="L83" s="553"/>
      <c r="M83" s="553"/>
      <c r="N83" s="553"/>
      <c r="O83" s="553"/>
      <c r="P83" s="553"/>
      <c r="Q83" s="553"/>
      <c r="R83" s="553"/>
      <c r="S83" s="553"/>
      <c r="T83" s="553"/>
      <c r="U83" s="553"/>
      <c r="V83" s="553"/>
      <c r="W83" s="553"/>
      <c r="X83" s="553"/>
      <c r="Y83" s="553"/>
      <c r="Z83" s="553"/>
      <c r="AA83" s="553"/>
      <c r="AB83" s="553"/>
      <c r="AC83" s="553"/>
      <c r="AD83" s="553"/>
      <c r="AE83" s="553"/>
      <c r="AF83" s="553"/>
      <c r="AG83" s="553"/>
      <c r="AH83" s="553"/>
      <c r="AI83" s="553"/>
      <c r="AJ83" s="553"/>
      <c r="AK83" s="554"/>
      <c r="AL83" s="555">
        <f>AL81</f>
        <v>0</v>
      </c>
      <c r="AM83" s="556"/>
      <c r="AN83" s="556"/>
      <c r="AO83" s="556"/>
      <c r="AP83" s="556"/>
      <c r="AQ83" s="556"/>
      <c r="AR83" s="556"/>
      <c r="AS83" s="556"/>
      <c r="AT83" s="556"/>
      <c r="AU83" s="556"/>
      <c r="AV83" s="556"/>
      <c r="AW83" s="556"/>
      <c r="AX83" s="556"/>
      <c r="AY83" s="556"/>
      <c r="AZ83" s="556"/>
      <c r="BA83" s="556"/>
      <c r="BB83" s="556"/>
      <c r="BC83" s="88" t="s">
        <v>0</v>
      </c>
      <c r="BD83" s="221"/>
      <c r="BE83" s="221"/>
      <c r="BF83" s="335">
        <v>8</v>
      </c>
      <c r="BG83" s="334"/>
    </row>
  </sheetData>
  <sheetProtection algorithmName="SHA-512" hashValue="iar29ja07ey5YLjk4FUy4JU7jHoL2Y3IK51KjIPK9Gh2cjgPH7ZNbkXcJoJvKlZNb7dTEoYZeO5ly19eArBDzA==" saltValue="O2qEWBE6cJ3oLTMUpOZBdg==" spinCount="100000" sheet="1" objects="1" formatColumns="0"/>
  <mergeCells count="602">
    <mergeCell ref="A2:BC2"/>
    <mergeCell ref="A4:BC4"/>
    <mergeCell ref="G6:H6"/>
    <mergeCell ref="A8:D8"/>
    <mergeCell ref="E8:J8"/>
    <mergeCell ref="K8:R8"/>
    <mergeCell ref="S8:AJ8"/>
    <mergeCell ref="AK8:AM8"/>
    <mergeCell ref="AN8:AT8"/>
    <mergeCell ref="AU8:AW8"/>
    <mergeCell ref="AX8:AZ8"/>
    <mergeCell ref="BA8:BC8"/>
    <mergeCell ref="BA9:BC9"/>
    <mergeCell ref="A10:D10"/>
    <mergeCell ref="E10:J10"/>
    <mergeCell ref="K10:R10"/>
    <mergeCell ref="S10:AJ10"/>
    <mergeCell ref="AK10:AM10"/>
    <mergeCell ref="AN10:AP10"/>
    <mergeCell ref="AR10:AT10"/>
    <mergeCell ref="AU10:AW10"/>
    <mergeCell ref="AX10:AZ10"/>
    <mergeCell ref="BA10:BC10"/>
    <mergeCell ref="A9:D9"/>
    <mergeCell ref="E9:J9"/>
    <mergeCell ref="K9:R9"/>
    <mergeCell ref="S9:AJ9"/>
    <mergeCell ref="AK9:AM9"/>
    <mergeCell ref="AN9:AP9"/>
    <mergeCell ref="AR9:AT9"/>
    <mergeCell ref="AU9:AW9"/>
    <mergeCell ref="AX9:AZ9"/>
    <mergeCell ref="BA11:BC11"/>
    <mergeCell ref="A12:D12"/>
    <mergeCell ref="E12:J12"/>
    <mergeCell ref="K12:R12"/>
    <mergeCell ref="S12:AJ12"/>
    <mergeCell ref="AK12:AM12"/>
    <mergeCell ref="AN12:AP12"/>
    <mergeCell ref="AR12:AT12"/>
    <mergeCell ref="AU12:AW12"/>
    <mergeCell ref="AX12:AZ12"/>
    <mergeCell ref="BA12:BC12"/>
    <mergeCell ref="A11:D11"/>
    <mergeCell ref="E11:J11"/>
    <mergeCell ref="K11:R11"/>
    <mergeCell ref="S11:AJ11"/>
    <mergeCell ref="AK11:AM11"/>
    <mergeCell ref="AN11:AP11"/>
    <mergeCell ref="AR11:AT11"/>
    <mergeCell ref="AU11:AW11"/>
    <mergeCell ref="AX11:AZ11"/>
    <mergeCell ref="BA13:BC13"/>
    <mergeCell ref="A14:D14"/>
    <mergeCell ref="E14:J14"/>
    <mergeCell ref="K14:R14"/>
    <mergeCell ref="S14:AJ14"/>
    <mergeCell ref="AK14:AM14"/>
    <mergeCell ref="AN14:AP14"/>
    <mergeCell ref="AR14:AT14"/>
    <mergeCell ref="AU14:AW14"/>
    <mergeCell ref="AX14:AZ14"/>
    <mergeCell ref="BA14:BC14"/>
    <mergeCell ref="A13:D13"/>
    <mergeCell ref="E13:J13"/>
    <mergeCell ref="K13:R13"/>
    <mergeCell ref="S13:AJ13"/>
    <mergeCell ref="AK13:AM13"/>
    <mergeCell ref="AN13:AP13"/>
    <mergeCell ref="AR13:AT13"/>
    <mergeCell ref="AU13:AW13"/>
    <mergeCell ref="AX13:AZ13"/>
    <mergeCell ref="BA15:BC15"/>
    <mergeCell ref="A16:D16"/>
    <mergeCell ref="E16:J16"/>
    <mergeCell ref="K16:R16"/>
    <mergeCell ref="S16:AJ16"/>
    <mergeCell ref="AK16:AM16"/>
    <mergeCell ref="AN16:AP16"/>
    <mergeCell ref="AR16:AT16"/>
    <mergeCell ref="AU16:AW16"/>
    <mergeCell ref="AX16:AZ16"/>
    <mergeCell ref="BA16:BC16"/>
    <mergeCell ref="A15:D15"/>
    <mergeCell ref="E15:J15"/>
    <mergeCell ref="K15:R15"/>
    <mergeCell ref="S15:AJ15"/>
    <mergeCell ref="AK15:AM15"/>
    <mergeCell ref="AN15:AP15"/>
    <mergeCell ref="AR15:AT15"/>
    <mergeCell ref="AU15:AW15"/>
    <mergeCell ref="AX15:AZ15"/>
    <mergeCell ref="BA17:BC17"/>
    <mergeCell ref="A18:D18"/>
    <mergeCell ref="E18:J18"/>
    <mergeCell ref="K18:R18"/>
    <mergeCell ref="S18:AJ18"/>
    <mergeCell ref="AK18:AM18"/>
    <mergeCell ref="AN18:AP18"/>
    <mergeCell ref="AR18:AT18"/>
    <mergeCell ref="AU18:AW18"/>
    <mergeCell ref="AX18:AZ18"/>
    <mergeCell ref="BA18:BC18"/>
    <mergeCell ref="A17:D17"/>
    <mergeCell ref="E17:J17"/>
    <mergeCell ref="K17:R17"/>
    <mergeCell ref="S17:AJ17"/>
    <mergeCell ref="AK17:AM17"/>
    <mergeCell ref="AN17:AP17"/>
    <mergeCell ref="AR17:AT17"/>
    <mergeCell ref="AU17:AW17"/>
    <mergeCell ref="AX17:AZ17"/>
    <mergeCell ref="BA19:BC19"/>
    <mergeCell ref="A20:D20"/>
    <mergeCell ref="E20:J20"/>
    <mergeCell ref="K20:R20"/>
    <mergeCell ref="S20:AJ20"/>
    <mergeCell ref="AK20:AM20"/>
    <mergeCell ref="AN20:AP20"/>
    <mergeCell ref="AR20:AT20"/>
    <mergeCell ref="AU20:AW20"/>
    <mergeCell ref="AX20:AZ20"/>
    <mergeCell ref="BA20:BC20"/>
    <mergeCell ref="A19:D19"/>
    <mergeCell ref="E19:J19"/>
    <mergeCell ref="K19:R19"/>
    <mergeCell ref="S19:AJ19"/>
    <mergeCell ref="AK19:AM19"/>
    <mergeCell ref="AN19:AP19"/>
    <mergeCell ref="AR19:AT19"/>
    <mergeCell ref="AU19:AW19"/>
    <mergeCell ref="AX19:AZ19"/>
    <mergeCell ref="BA21:BC21"/>
    <mergeCell ref="A22:D22"/>
    <mergeCell ref="E22:J22"/>
    <mergeCell ref="K22:R22"/>
    <mergeCell ref="S22:AJ22"/>
    <mergeCell ref="AK22:AM22"/>
    <mergeCell ref="AN22:AP22"/>
    <mergeCell ref="AR22:AT22"/>
    <mergeCell ref="AU22:AW22"/>
    <mergeCell ref="AX22:AZ22"/>
    <mergeCell ref="BA22:BC22"/>
    <mergeCell ref="A21:D21"/>
    <mergeCell ref="E21:J21"/>
    <mergeCell ref="K21:R21"/>
    <mergeCell ref="S21:AJ21"/>
    <mergeCell ref="AK21:AM21"/>
    <mergeCell ref="AN21:AP21"/>
    <mergeCell ref="AR21:AT21"/>
    <mergeCell ref="AU21:AW21"/>
    <mergeCell ref="AX21:AZ21"/>
    <mergeCell ref="BA23:BC23"/>
    <mergeCell ref="A24:D24"/>
    <mergeCell ref="E24:J24"/>
    <mergeCell ref="K24:R24"/>
    <mergeCell ref="S24:AJ24"/>
    <mergeCell ref="AK24:AM24"/>
    <mergeCell ref="AN24:AP24"/>
    <mergeCell ref="AR24:AT24"/>
    <mergeCell ref="AU24:AW24"/>
    <mergeCell ref="AX24:AZ24"/>
    <mergeCell ref="BA24:BC24"/>
    <mergeCell ref="A23:D23"/>
    <mergeCell ref="E23:J23"/>
    <mergeCell ref="K23:R23"/>
    <mergeCell ref="S23:AJ23"/>
    <mergeCell ref="AK23:AM23"/>
    <mergeCell ref="AN23:AP23"/>
    <mergeCell ref="AR23:AT23"/>
    <mergeCell ref="AU23:AW23"/>
    <mergeCell ref="AX23:AZ23"/>
    <mergeCell ref="BA25:BC25"/>
    <mergeCell ref="A26:D26"/>
    <mergeCell ref="E26:J26"/>
    <mergeCell ref="K26:R26"/>
    <mergeCell ref="S26:AJ26"/>
    <mergeCell ref="AK26:AM26"/>
    <mergeCell ref="AN26:AP26"/>
    <mergeCell ref="AR26:AT26"/>
    <mergeCell ref="AU26:AW26"/>
    <mergeCell ref="AX26:AZ26"/>
    <mergeCell ref="BA26:BC26"/>
    <mergeCell ref="A25:D25"/>
    <mergeCell ref="E25:J25"/>
    <mergeCell ref="K25:R25"/>
    <mergeCell ref="S25:AJ25"/>
    <mergeCell ref="AK25:AM25"/>
    <mergeCell ref="AN25:AP25"/>
    <mergeCell ref="AR25:AT25"/>
    <mergeCell ref="AU25:AW25"/>
    <mergeCell ref="AX25:AZ25"/>
    <mergeCell ref="BA27:BC27"/>
    <mergeCell ref="A28:D28"/>
    <mergeCell ref="E28:J28"/>
    <mergeCell ref="K28:R28"/>
    <mergeCell ref="S28:AJ28"/>
    <mergeCell ref="AK28:AM28"/>
    <mergeCell ref="AN28:AP28"/>
    <mergeCell ref="AR28:AT28"/>
    <mergeCell ref="AU28:AW28"/>
    <mergeCell ref="AX28:AZ28"/>
    <mergeCell ref="BA28:BC28"/>
    <mergeCell ref="A27:D27"/>
    <mergeCell ref="E27:J27"/>
    <mergeCell ref="K27:R27"/>
    <mergeCell ref="S27:AJ27"/>
    <mergeCell ref="AK27:AM27"/>
    <mergeCell ref="AN27:AP27"/>
    <mergeCell ref="AR27:AT27"/>
    <mergeCell ref="AU27:AW27"/>
    <mergeCell ref="AX27:AZ27"/>
    <mergeCell ref="BA29:BC29"/>
    <mergeCell ref="A30:D30"/>
    <mergeCell ref="E30:J30"/>
    <mergeCell ref="K30:R30"/>
    <mergeCell ref="S30:AJ30"/>
    <mergeCell ref="AK30:AM30"/>
    <mergeCell ref="AN30:AP30"/>
    <mergeCell ref="AR30:AT30"/>
    <mergeCell ref="AU30:AW30"/>
    <mergeCell ref="AX30:AZ30"/>
    <mergeCell ref="BA30:BC30"/>
    <mergeCell ref="A29:D29"/>
    <mergeCell ref="E29:J29"/>
    <mergeCell ref="K29:R29"/>
    <mergeCell ref="S29:AJ29"/>
    <mergeCell ref="AK29:AM29"/>
    <mergeCell ref="AN29:AP29"/>
    <mergeCell ref="AR29:AT29"/>
    <mergeCell ref="AU29:AW29"/>
    <mergeCell ref="AX29:AZ29"/>
    <mergeCell ref="BA31:BC31"/>
    <mergeCell ref="A32:D32"/>
    <mergeCell ref="E32:J32"/>
    <mergeCell ref="K32:R32"/>
    <mergeCell ref="S32:AJ32"/>
    <mergeCell ref="AK32:AM32"/>
    <mergeCell ref="AN32:AP32"/>
    <mergeCell ref="AR32:AT32"/>
    <mergeCell ref="AU32:AW32"/>
    <mergeCell ref="AX32:AZ32"/>
    <mergeCell ref="BA32:BC32"/>
    <mergeCell ref="A31:D31"/>
    <mergeCell ref="E31:J31"/>
    <mergeCell ref="K31:R31"/>
    <mergeCell ref="S31:AJ31"/>
    <mergeCell ref="AK31:AM31"/>
    <mergeCell ref="AN31:AP31"/>
    <mergeCell ref="AR31:AT31"/>
    <mergeCell ref="AU31:AW31"/>
    <mergeCell ref="AX31:AZ31"/>
    <mergeCell ref="BA33:BC33"/>
    <mergeCell ref="A34:D34"/>
    <mergeCell ref="E34:J34"/>
    <mergeCell ref="K34:R34"/>
    <mergeCell ref="S34:AJ34"/>
    <mergeCell ref="AK34:AM34"/>
    <mergeCell ref="AN34:AP34"/>
    <mergeCell ref="AR34:AT34"/>
    <mergeCell ref="AU34:AW34"/>
    <mergeCell ref="AX34:AZ34"/>
    <mergeCell ref="BA34:BC34"/>
    <mergeCell ref="A33:D33"/>
    <mergeCell ref="E33:J33"/>
    <mergeCell ref="K33:R33"/>
    <mergeCell ref="S33:AJ33"/>
    <mergeCell ref="AK33:AM33"/>
    <mergeCell ref="AN33:AP33"/>
    <mergeCell ref="AR33:AT33"/>
    <mergeCell ref="AU33:AW33"/>
    <mergeCell ref="AX33:AZ33"/>
    <mergeCell ref="BA35:BC35"/>
    <mergeCell ref="A36:D36"/>
    <mergeCell ref="E36:J36"/>
    <mergeCell ref="K36:R36"/>
    <mergeCell ref="S36:AJ36"/>
    <mergeCell ref="AK36:AM36"/>
    <mergeCell ref="AN36:AP36"/>
    <mergeCell ref="AR36:AT36"/>
    <mergeCell ref="AU36:AW36"/>
    <mergeCell ref="AX36:AZ36"/>
    <mergeCell ref="BA36:BC36"/>
    <mergeCell ref="A35:D35"/>
    <mergeCell ref="E35:J35"/>
    <mergeCell ref="K35:R35"/>
    <mergeCell ref="S35:AJ35"/>
    <mergeCell ref="AK35:AM35"/>
    <mergeCell ref="AN35:AP35"/>
    <mergeCell ref="AR35:AT35"/>
    <mergeCell ref="AU35:AW35"/>
    <mergeCell ref="AX35:AZ35"/>
    <mergeCell ref="BA37:BC37"/>
    <mergeCell ref="A38:D38"/>
    <mergeCell ref="E38:J38"/>
    <mergeCell ref="K38:R38"/>
    <mergeCell ref="S38:AJ38"/>
    <mergeCell ref="AK38:AM38"/>
    <mergeCell ref="AN38:AP38"/>
    <mergeCell ref="AR38:AT38"/>
    <mergeCell ref="AU38:AW38"/>
    <mergeCell ref="AX38:AZ38"/>
    <mergeCell ref="BA38:BC38"/>
    <mergeCell ref="A37:D37"/>
    <mergeCell ref="E37:J37"/>
    <mergeCell ref="K37:R37"/>
    <mergeCell ref="S37:AJ37"/>
    <mergeCell ref="AK37:AM37"/>
    <mergeCell ref="AN37:AP37"/>
    <mergeCell ref="AR37:AT37"/>
    <mergeCell ref="AU37:AW37"/>
    <mergeCell ref="AX37:AZ37"/>
    <mergeCell ref="BA39:BC39"/>
    <mergeCell ref="A40:D40"/>
    <mergeCell ref="E40:J40"/>
    <mergeCell ref="K40:R40"/>
    <mergeCell ref="S40:AJ40"/>
    <mergeCell ref="AK40:AM40"/>
    <mergeCell ref="AN40:AP40"/>
    <mergeCell ref="AR40:AT40"/>
    <mergeCell ref="AU40:AW40"/>
    <mergeCell ref="AX40:AZ40"/>
    <mergeCell ref="BA40:BC40"/>
    <mergeCell ref="A39:D39"/>
    <mergeCell ref="E39:J39"/>
    <mergeCell ref="K39:R39"/>
    <mergeCell ref="S39:AJ39"/>
    <mergeCell ref="AK39:AM39"/>
    <mergeCell ref="AN39:AP39"/>
    <mergeCell ref="AR39:AT39"/>
    <mergeCell ref="AU39:AW39"/>
    <mergeCell ref="AX39:AZ39"/>
    <mergeCell ref="BA41:BC41"/>
    <mergeCell ref="A42:D42"/>
    <mergeCell ref="E42:J42"/>
    <mergeCell ref="K42:R42"/>
    <mergeCell ref="S42:AJ42"/>
    <mergeCell ref="AK42:AM42"/>
    <mergeCell ref="AN42:AP42"/>
    <mergeCell ref="AR42:AT42"/>
    <mergeCell ref="AU42:AW42"/>
    <mergeCell ref="AX42:AZ42"/>
    <mergeCell ref="BA42:BC42"/>
    <mergeCell ref="A41:D41"/>
    <mergeCell ref="E41:J41"/>
    <mergeCell ref="K41:R41"/>
    <mergeCell ref="S41:AJ41"/>
    <mergeCell ref="AK41:AM41"/>
    <mergeCell ref="AN41:AP41"/>
    <mergeCell ref="AR41:AT41"/>
    <mergeCell ref="AU41:AW41"/>
    <mergeCell ref="AX41:AZ41"/>
    <mergeCell ref="BA43:BC43"/>
    <mergeCell ref="A44:D44"/>
    <mergeCell ref="E44:J44"/>
    <mergeCell ref="K44:R44"/>
    <mergeCell ref="S44:AJ44"/>
    <mergeCell ref="AK44:AM44"/>
    <mergeCell ref="AN44:AP44"/>
    <mergeCell ref="AR44:AT44"/>
    <mergeCell ref="AU44:AW44"/>
    <mergeCell ref="AX44:AZ44"/>
    <mergeCell ref="BA44:BC44"/>
    <mergeCell ref="A43:D43"/>
    <mergeCell ref="E43:J43"/>
    <mergeCell ref="K43:R43"/>
    <mergeCell ref="S43:AJ43"/>
    <mergeCell ref="AK43:AM43"/>
    <mergeCell ref="AN43:AP43"/>
    <mergeCell ref="AR43:AT43"/>
    <mergeCell ref="AU43:AW43"/>
    <mergeCell ref="AX43:AZ43"/>
    <mergeCell ref="BA45:BC45"/>
    <mergeCell ref="A46:D46"/>
    <mergeCell ref="E46:J46"/>
    <mergeCell ref="K46:R46"/>
    <mergeCell ref="S46:AJ46"/>
    <mergeCell ref="AK46:AM46"/>
    <mergeCell ref="AN46:AP46"/>
    <mergeCell ref="AR46:AT46"/>
    <mergeCell ref="AU46:AW46"/>
    <mergeCell ref="AX46:AZ46"/>
    <mergeCell ref="BA46:BC46"/>
    <mergeCell ref="A45:D45"/>
    <mergeCell ref="E45:J45"/>
    <mergeCell ref="K45:R45"/>
    <mergeCell ref="S45:AJ45"/>
    <mergeCell ref="AK45:AM45"/>
    <mergeCell ref="AN45:AP45"/>
    <mergeCell ref="AR45:AT45"/>
    <mergeCell ref="AU45:AW45"/>
    <mergeCell ref="AX45:AZ45"/>
    <mergeCell ref="BA47:BC47"/>
    <mergeCell ref="A48:D48"/>
    <mergeCell ref="E48:J48"/>
    <mergeCell ref="K48:R48"/>
    <mergeCell ref="S48:AJ48"/>
    <mergeCell ref="AK48:AM48"/>
    <mergeCell ref="AN48:AP48"/>
    <mergeCell ref="AR48:AT48"/>
    <mergeCell ref="AU48:AW48"/>
    <mergeCell ref="AX48:AZ48"/>
    <mergeCell ref="BA48:BC48"/>
    <mergeCell ref="A47:D47"/>
    <mergeCell ref="E47:J47"/>
    <mergeCell ref="K47:R47"/>
    <mergeCell ref="S47:AJ47"/>
    <mergeCell ref="AK47:AM47"/>
    <mergeCell ref="AN47:AP47"/>
    <mergeCell ref="AR47:AT47"/>
    <mergeCell ref="AU47:AW47"/>
    <mergeCell ref="AX47:AZ47"/>
    <mergeCell ref="BA49:BC49"/>
    <mergeCell ref="A50:D50"/>
    <mergeCell ref="E50:J50"/>
    <mergeCell ref="K50:R50"/>
    <mergeCell ref="S50:AJ50"/>
    <mergeCell ref="AK50:AM50"/>
    <mergeCell ref="AN50:AP50"/>
    <mergeCell ref="AR50:AT50"/>
    <mergeCell ref="AU50:AW50"/>
    <mergeCell ref="AX50:AZ50"/>
    <mergeCell ref="BA50:BC50"/>
    <mergeCell ref="A49:D49"/>
    <mergeCell ref="E49:J49"/>
    <mergeCell ref="K49:R49"/>
    <mergeCell ref="S49:AJ49"/>
    <mergeCell ref="AK49:AM49"/>
    <mergeCell ref="AN49:AP49"/>
    <mergeCell ref="AR49:AT49"/>
    <mergeCell ref="AU49:AW49"/>
    <mergeCell ref="AX49:AZ49"/>
    <mergeCell ref="BA51:BC51"/>
    <mergeCell ref="A52:D52"/>
    <mergeCell ref="E52:J52"/>
    <mergeCell ref="K52:R52"/>
    <mergeCell ref="S52:AJ52"/>
    <mergeCell ref="AK52:AM52"/>
    <mergeCell ref="AN52:AP52"/>
    <mergeCell ref="AR52:AT52"/>
    <mergeCell ref="AU52:AW52"/>
    <mergeCell ref="AX52:AZ52"/>
    <mergeCell ref="BA52:BC52"/>
    <mergeCell ref="A51:D51"/>
    <mergeCell ref="E51:J51"/>
    <mergeCell ref="K51:R51"/>
    <mergeCell ref="S51:AJ51"/>
    <mergeCell ref="AK51:AM51"/>
    <mergeCell ref="AN51:AP51"/>
    <mergeCell ref="AR51:AT51"/>
    <mergeCell ref="AU51:AW51"/>
    <mergeCell ref="AX51:AZ51"/>
    <mergeCell ref="BA53:BC53"/>
    <mergeCell ref="A54:D54"/>
    <mergeCell ref="E54:J54"/>
    <mergeCell ref="K54:R54"/>
    <mergeCell ref="S54:AJ54"/>
    <mergeCell ref="AK54:AM54"/>
    <mergeCell ref="AN54:AP54"/>
    <mergeCell ref="AR54:AT54"/>
    <mergeCell ref="AU54:AW54"/>
    <mergeCell ref="AX54:AZ54"/>
    <mergeCell ref="BA54:BC54"/>
    <mergeCell ref="A53:D53"/>
    <mergeCell ref="E53:J53"/>
    <mergeCell ref="K53:R53"/>
    <mergeCell ref="S53:AJ53"/>
    <mergeCell ref="AK53:AM53"/>
    <mergeCell ref="AN53:AP53"/>
    <mergeCell ref="AR53:AT53"/>
    <mergeCell ref="AU53:AW53"/>
    <mergeCell ref="AX53:AZ53"/>
    <mergeCell ref="BA55:BC55"/>
    <mergeCell ref="A56:D56"/>
    <mergeCell ref="E56:J56"/>
    <mergeCell ref="K56:R56"/>
    <mergeCell ref="S56:AJ56"/>
    <mergeCell ref="AK56:AM56"/>
    <mergeCell ref="AN56:AP56"/>
    <mergeCell ref="AR56:AT56"/>
    <mergeCell ref="AU56:AW56"/>
    <mergeCell ref="AX56:AZ56"/>
    <mergeCell ref="BA56:BC56"/>
    <mergeCell ref="A55:D55"/>
    <mergeCell ref="E55:J55"/>
    <mergeCell ref="K55:R55"/>
    <mergeCell ref="S55:AJ55"/>
    <mergeCell ref="AK55:AM55"/>
    <mergeCell ref="AN55:AP55"/>
    <mergeCell ref="AR55:AT55"/>
    <mergeCell ref="AU55:AW55"/>
    <mergeCell ref="AX55:AZ55"/>
    <mergeCell ref="BA57:BC57"/>
    <mergeCell ref="A58:D58"/>
    <mergeCell ref="E58:J58"/>
    <mergeCell ref="K58:R58"/>
    <mergeCell ref="S58:AJ58"/>
    <mergeCell ref="AK58:AM58"/>
    <mergeCell ref="AN58:AP58"/>
    <mergeCell ref="AR58:AT58"/>
    <mergeCell ref="AU58:AW58"/>
    <mergeCell ref="AX58:AZ58"/>
    <mergeCell ref="BA58:BC58"/>
    <mergeCell ref="A57:D57"/>
    <mergeCell ref="E57:J57"/>
    <mergeCell ref="K57:R57"/>
    <mergeCell ref="S57:AJ57"/>
    <mergeCell ref="AK57:AM57"/>
    <mergeCell ref="AN57:AP57"/>
    <mergeCell ref="AR57:AT57"/>
    <mergeCell ref="AU57:AW57"/>
    <mergeCell ref="AX57:AZ57"/>
    <mergeCell ref="A61:E61"/>
    <mergeCell ref="F61:I61"/>
    <mergeCell ref="J61:V61"/>
    <mergeCell ref="W61:Y61"/>
    <mergeCell ref="Z61:AA61"/>
    <mergeCell ref="AB61:AH61"/>
    <mergeCell ref="AI61:AR61"/>
    <mergeCell ref="AS61:BC61"/>
    <mergeCell ref="AS62:BB65"/>
    <mergeCell ref="BC62:BC65"/>
    <mergeCell ref="J63:K63"/>
    <mergeCell ref="L63:V63"/>
    <mergeCell ref="W63:Y63"/>
    <mergeCell ref="Z63:AA63"/>
    <mergeCell ref="AB63:AG63"/>
    <mergeCell ref="AI63:AQ63"/>
    <mergeCell ref="A62:E65"/>
    <mergeCell ref="F62:I65"/>
    <mergeCell ref="J62:K62"/>
    <mergeCell ref="L62:V62"/>
    <mergeCell ref="W62:Y62"/>
    <mergeCell ref="Z62:AA62"/>
    <mergeCell ref="J64:K64"/>
    <mergeCell ref="L64:V64"/>
    <mergeCell ref="AB62:AG62"/>
    <mergeCell ref="AI62:AQ62"/>
    <mergeCell ref="A66:AQ66"/>
    <mergeCell ref="AS66:BB66"/>
    <mergeCell ref="A70:H70"/>
    <mergeCell ref="I70:P70"/>
    <mergeCell ref="A72:H72"/>
    <mergeCell ref="I72:Z72"/>
    <mergeCell ref="AA72:AR72"/>
    <mergeCell ref="AS72:AW72"/>
    <mergeCell ref="AX72:BC72"/>
    <mergeCell ref="W64:Y64"/>
    <mergeCell ref="Z64:AA64"/>
    <mergeCell ref="AB64:AG64"/>
    <mergeCell ref="AI64:AQ64"/>
    <mergeCell ref="J65:K65"/>
    <mergeCell ref="L65:V65"/>
    <mergeCell ref="W65:Y65"/>
    <mergeCell ref="Z65:AA65"/>
    <mergeCell ref="AB65:AG65"/>
    <mergeCell ref="AI65:AQ65"/>
    <mergeCell ref="A73:H73"/>
    <mergeCell ref="I73:Z73"/>
    <mergeCell ref="AA73:AR73"/>
    <mergeCell ref="AS73:AW73"/>
    <mergeCell ref="AX73:BC73"/>
    <mergeCell ref="A74:H74"/>
    <mergeCell ref="I74:Z74"/>
    <mergeCell ref="AA74:AR74"/>
    <mergeCell ref="AS74:AW74"/>
    <mergeCell ref="AX74:BC74"/>
    <mergeCell ref="A75:H75"/>
    <mergeCell ref="I75:Z75"/>
    <mergeCell ref="AA75:AR75"/>
    <mergeCell ref="AS75:AW75"/>
    <mergeCell ref="AX75:BC75"/>
    <mergeCell ref="A76:H76"/>
    <mergeCell ref="I76:Z76"/>
    <mergeCell ref="AA76:AR76"/>
    <mergeCell ref="AS76:AW76"/>
    <mergeCell ref="AX76:BC76"/>
    <mergeCell ref="A77:H77"/>
    <mergeCell ref="I77:Z77"/>
    <mergeCell ref="AA77:AR77"/>
    <mergeCell ref="AS77:AW77"/>
    <mergeCell ref="AX77:BC77"/>
    <mergeCell ref="A80:H80"/>
    <mergeCell ref="I80:M80"/>
    <mergeCell ref="N80:O80"/>
    <mergeCell ref="P80:V80"/>
    <mergeCell ref="W80:AK80"/>
    <mergeCell ref="N82:O82"/>
    <mergeCell ref="P82:U82"/>
    <mergeCell ref="W82:AJ82"/>
    <mergeCell ref="A83:AK83"/>
    <mergeCell ref="AL83:BB83"/>
    <mergeCell ref="AL80:BC80"/>
    <mergeCell ref="A81:H81"/>
    <mergeCell ref="I81:M81"/>
    <mergeCell ref="N81:O81"/>
    <mergeCell ref="P81:U81"/>
    <mergeCell ref="W81:AJ81"/>
    <mergeCell ref="AL81:BB82"/>
    <mergeCell ref="BC81:BC82"/>
    <mergeCell ref="A82:H82"/>
    <mergeCell ref="I82:M82"/>
  </mergeCells>
  <phoneticPr fontId="46"/>
  <conditionalFormatting sqref="BG1">
    <cfRule type="notContainsBlanks" dxfId="55" priority="1">
      <formula>LEN(TRIM(BG1))&gt;0</formula>
    </cfRule>
  </conditionalFormatting>
  <conditionalFormatting sqref="BG9:BG58 BG62:BG66">
    <cfRule type="notContainsBlanks" dxfId="54" priority="3">
      <formula>LEN(TRIM(BG9))&gt;0</formula>
    </cfRule>
  </conditionalFormatting>
  <conditionalFormatting sqref="BG73:BG77 BG81:BG83">
    <cfRule type="notContainsBlanks" dxfId="53" priority="2">
      <formula>LEN(TRIM(BG73))&gt;0</formula>
    </cfRule>
  </conditionalFormatting>
  <dataValidations count="7">
    <dataValidation type="custom" operator="equal" allowBlank="1" showInputMessage="1" showErrorMessage="1" error="SII登録型番を半角大文字の英数字で入力してください。（９文字）" sqref="A73:H77" xr:uid="{A7446C71-AF23-498F-997F-A90E0C35D38C}">
      <formula1>AND(LENB(A73)=9,EXACT(UPPER(A73),A73))</formula1>
    </dataValidation>
    <dataValidation type="custom" imeMode="disabled" allowBlank="1" showInputMessage="1" showErrorMessage="1" sqref="AK9:AM9" xr:uid="{8426A0E9-5C11-40F9-A719-CD4056600694}">
      <formula1>AK9&lt;&gt;"A"</formula1>
    </dataValidation>
    <dataValidation type="custom" imeMode="disabled" operator="equal" allowBlank="1" showInputMessage="1" showErrorMessage="1" error="SII登録型番を半角大文字の英数字で入力してください。（９文字）" sqref="E9:J58" xr:uid="{0DECAB7A-B293-44E0-B11E-1F2238E50BE1}">
      <formula1>AND(LENB(E9)=9,EXACT(UPPER(E9),E9))</formula1>
    </dataValidation>
    <dataValidation type="custom" imeMode="disabled" allowBlank="1" showInputMessage="1" showErrorMessage="1" errorTitle="入力エラー" error="小数点以下第一位を切り捨てで入力して下さい。_x000a_" sqref="BA47:BA54 BA9:BA18 BA21:BA31 BA34:BA39 BA42:BA44" xr:uid="{D12CEF5A-A396-4E57-B012-32BFC09706B8}">
      <formula1>P9-ROUNDDOWN(P9,0)=0</formula1>
    </dataValidation>
    <dataValidation imeMode="disabled" allowBlank="1" showInputMessage="1" showErrorMessage="1" sqref="AU9:AW58 AK10:AM58" xr:uid="{8BB717D6-A4D3-476A-8F5C-B52913235F82}"/>
    <dataValidation type="custom" imeMode="disabled" allowBlank="1" showInputMessage="1" showErrorMessage="1" errorTitle="入力エラー" error="小数点以下の入力はできません。" sqref="BA32:BA33 BA40:BA41 BA19:BA20 AX59 BA45:BA46 BA55:BA59 AQ60:AR60 AZ60 AV60 AL60" xr:uid="{60234084-FCAE-4635-9988-E07EFDB0DC58}">
      <formula1>AL19-ROUNDDOWN(AL19,0)=0</formula1>
    </dataValidation>
    <dataValidation type="custom" imeMode="disabled" allowBlank="1" showInputMessage="1" showErrorMessage="1" errorTitle="入力エラー" error="小数点以下第一位を切り捨てで入力して下さい。_x000a_" sqref="AN9:AP58 AR9:AT58" xr:uid="{E38B8B47-51F2-4D8E-BA7D-6D1C4DD8CA05}">
      <formula1>AN9-ROUNDDOWN(AN9,0)=0</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headerFooter>
    <oddHeader>&amp;RVERSION 2.0</oddHeader>
  </headerFooter>
  <rowBreaks count="1" manualBreakCount="1">
    <brk id="67" max="54" man="1"/>
  </rowBreaks>
  <colBreaks count="1" manualBreakCount="1">
    <brk id="58"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BJ63"/>
  <sheetViews>
    <sheetView showGridLines="0" showZeros="0" zoomScale="50" zoomScaleNormal="50" zoomScaleSheetLayoutView="50" workbookViewId="0"/>
  </sheetViews>
  <sheetFormatPr defaultColWidth="9" defaultRowHeight="19.2" x14ac:dyDescent="0.2"/>
  <cols>
    <col min="1" max="55" width="3.77734375" style="4" customWidth="1"/>
    <col min="56" max="56" width="3.77734375" style="4" hidden="1" customWidth="1"/>
    <col min="57" max="57" width="3.77734375" style="4" customWidth="1"/>
    <col min="58" max="58" width="5.77734375" style="165" customWidth="1"/>
    <col min="59" max="59" width="51.77734375" style="336" hidden="1" customWidth="1"/>
    <col min="60" max="60" width="51.77734375" style="4" customWidth="1"/>
    <col min="61" max="62" width="3.44140625" style="4" customWidth="1"/>
    <col min="63" max="16384" width="9" style="4"/>
  </cols>
  <sheetData>
    <row r="1" spans="1:62" ht="15.6" customHeight="1" x14ac:dyDescent="0.2">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2"/>
      <c r="AO1" s="30"/>
      <c r="AP1" s="30"/>
      <c r="AQ1" s="1"/>
      <c r="AR1" s="1"/>
      <c r="AS1" s="1"/>
      <c r="AT1" s="1"/>
      <c r="AU1" s="1"/>
      <c r="AV1" s="1"/>
      <c r="AW1" s="1"/>
      <c r="AX1" s="1"/>
      <c r="AY1" s="1"/>
      <c r="AZ1" s="1"/>
      <c r="BA1" s="1"/>
      <c r="BB1" s="1"/>
      <c r="BC1" s="13" t="s">
        <v>1230</v>
      </c>
      <c r="BD1" s="13"/>
      <c r="BE1" s="13"/>
    </row>
    <row r="2" spans="1:62" ht="30" customHeight="1" x14ac:dyDescent="0.2">
      <c r="A2" s="848" t="s">
        <v>959</v>
      </c>
      <c r="B2" s="849"/>
      <c r="C2" s="849"/>
      <c r="D2" s="849"/>
      <c r="E2" s="849"/>
      <c r="F2" s="849"/>
      <c r="G2" s="849"/>
      <c r="H2" s="849"/>
      <c r="I2" s="849"/>
      <c r="J2" s="849"/>
      <c r="K2" s="849"/>
      <c r="L2" s="849"/>
      <c r="M2" s="849"/>
      <c r="N2" s="849"/>
      <c r="O2" s="849"/>
      <c r="P2" s="849"/>
      <c r="Q2" s="849"/>
      <c r="R2" s="849"/>
      <c r="S2" s="849"/>
      <c r="T2" s="849"/>
      <c r="U2" s="849"/>
      <c r="V2" s="849"/>
      <c r="W2" s="849"/>
      <c r="X2" s="849"/>
      <c r="Y2" s="849"/>
      <c r="Z2" s="849"/>
      <c r="AA2" s="849"/>
      <c r="AB2" s="849"/>
      <c r="AC2" s="849"/>
      <c r="AD2" s="849"/>
      <c r="AE2" s="849"/>
      <c r="AF2" s="849"/>
      <c r="AG2" s="849"/>
      <c r="AH2" s="849"/>
      <c r="AI2" s="849"/>
      <c r="AJ2" s="849"/>
      <c r="AK2" s="849"/>
      <c r="AL2" s="849"/>
      <c r="AM2" s="849"/>
      <c r="AN2" s="849"/>
      <c r="AO2" s="849"/>
      <c r="AP2" s="849"/>
      <c r="AQ2" s="849"/>
      <c r="AR2" s="849"/>
      <c r="AS2" s="849"/>
      <c r="AT2" s="849"/>
      <c r="AU2" s="849"/>
      <c r="AV2" s="849"/>
      <c r="AW2" s="849"/>
      <c r="AX2" s="849"/>
      <c r="AY2" s="849"/>
      <c r="AZ2" s="849"/>
      <c r="BA2" s="849"/>
      <c r="BB2" s="849"/>
      <c r="BC2" s="850"/>
      <c r="BD2" s="198"/>
      <c r="BE2" s="198"/>
    </row>
    <row r="3" spans="1:62" ht="7.8" customHeight="1" x14ac:dyDescent="0.2">
      <c r="A3" s="9"/>
      <c r="B3" s="9"/>
      <c r="C3" s="9"/>
      <c r="D3" s="9"/>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4"/>
      <c r="BE3" s="204"/>
    </row>
    <row r="4" spans="1:62" ht="24" customHeight="1" x14ac:dyDescent="0.2">
      <c r="A4" s="25" t="s">
        <v>64</v>
      </c>
      <c r="B4" s="24"/>
      <c r="C4" s="24"/>
      <c r="D4" s="24"/>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BC4" s="130"/>
      <c r="BD4" s="130"/>
      <c r="BE4" s="130"/>
    </row>
    <row r="5" spans="1:62" ht="14.25" customHeight="1" x14ac:dyDescent="0.2">
      <c r="A5" s="12"/>
      <c r="B5" s="12"/>
      <c r="C5" s="12"/>
      <c r="D5" s="12"/>
      <c r="E5" s="1"/>
      <c r="F5" s="1"/>
      <c r="G5" s="1"/>
      <c r="H5" s="1"/>
      <c r="I5" s="1"/>
      <c r="J5" s="1"/>
      <c r="K5" s="1"/>
      <c r="L5" s="1"/>
      <c r="M5" s="1"/>
      <c r="N5" s="1"/>
      <c r="O5" s="1"/>
      <c r="P5" s="1"/>
      <c r="Q5" s="1"/>
      <c r="R5" s="1"/>
      <c r="S5" s="1"/>
      <c r="T5" s="1"/>
      <c r="U5" s="1"/>
      <c r="V5" s="1"/>
      <c r="W5" s="1"/>
      <c r="X5" s="1"/>
      <c r="Y5" s="1"/>
      <c r="Z5" s="12"/>
      <c r="AA5" s="12"/>
      <c r="AB5" s="12"/>
      <c r="AC5" s="12"/>
      <c r="AD5" s="12"/>
      <c r="AE5" s="12"/>
      <c r="AF5" s="12"/>
      <c r="AG5" s="12"/>
      <c r="AH5" s="12"/>
      <c r="AI5" s="12"/>
      <c r="AJ5" s="12"/>
      <c r="AK5" s="12"/>
      <c r="AL5" s="12"/>
      <c r="AM5" s="12"/>
      <c r="AN5" s="12"/>
      <c r="AO5" s="1"/>
      <c r="AP5" s="1"/>
      <c r="AQ5" s="1"/>
      <c r="AR5" s="1"/>
      <c r="AS5" s="1"/>
      <c r="AT5" s="1"/>
      <c r="AU5" s="1"/>
      <c r="AV5" s="1"/>
      <c r="AW5" s="1"/>
      <c r="AX5" s="15"/>
      <c r="AY5" s="132"/>
      <c r="AZ5" s="58"/>
      <c r="BA5" s="132"/>
      <c r="BB5" s="861"/>
      <c r="BC5" s="861"/>
      <c r="BD5" s="132"/>
      <c r="BE5" s="132"/>
    </row>
    <row r="6" spans="1:62" ht="16.8" customHeight="1" x14ac:dyDescent="0.2">
      <c r="A6" s="100"/>
      <c r="B6" s="101"/>
      <c r="C6" s="102" t="s">
        <v>167</v>
      </c>
      <c r="D6" s="16"/>
      <c r="E6" s="16"/>
      <c r="F6" s="16"/>
      <c r="G6" s="103"/>
      <c r="H6" s="104"/>
      <c r="I6" s="102" t="s">
        <v>968</v>
      </c>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1"/>
      <c r="AW6" s="858" t="s">
        <v>135</v>
      </c>
      <c r="AX6" s="859"/>
      <c r="AY6" s="859"/>
      <c r="AZ6" s="859"/>
      <c r="BA6" s="859"/>
      <c r="BB6" s="859"/>
      <c r="BC6" s="859"/>
      <c r="BD6" s="194"/>
      <c r="BE6" s="194"/>
    </row>
    <row r="7" spans="1:62" s="270" customFormat="1" ht="13.8" customHeight="1" thickBot="1" x14ac:dyDescent="0.25">
      <c r="A7" s="55"/>
      <c r="B7" s="55"/>
      <c r="C7" s="55"/>
      <c r="D7" s="55"/>
      <c r="E7" s="55"/>
      <c r="F7" s="55"/>
      <c r="G7" s="55"/>
      <c r="H7" s="55"/>
      <c r="I7" s="55"/>
      <c r="J7" s="55"/>
      <c r="K7" s="55"/>
      <c r="L7" s="55"/>
      <c r="M7" s="55"/>
      <c r="N7" s="55"/>
      <c r="O7" s="55"/>
      <c r="P7" s="55"/>
      <c r="Q7" s="55"/>
      <c r="R7" s="55"/>
      <c r="S7" s="55"/>
      <c r="T7" s="55"/>
      <c r="U7" s="55"/>
      <c r="V7" s="55"/>
      <c r="W7" s="55"/>
      <c r="X7" s="55"/>
      <c r="Y7" s="55"/>
      <c r="Z7" s="55"/>
      <c r="AA7" s="55"/>
      <c r="AB7" s="55"/>
      <c r="AC7" s="55"/>
      <c r="AD7" s="55"/>
      <c r="AE7" s="55"/>
      <c r="AF7" s="55"/>
      <c r="AG7" s="55"/>
      <c r="AH7" s="55"/>
      <c r="AI7" s="55"/>
      <c r="AJ7" s="55"/>
      <c r="AK7" s="55"/>
      <c r="AL7" s="55"/>
      <c r="AM7" s="55"/>
      <c r="AN7" s="55"/>
      <c r="AO7" s="55"/>
      <c r="AP7" s="55"/>
      <c r="AQ7" s="55"/>
      <c r="AR7" s="55"/>
      <c r="AS7" s="55"/>
      <c r="AT7" s="55"/>
      <c r="AU7" s="55"/>
      <c r="AV7" s="55"/>
      <c r="AW7" s="860"/>
      <c r="AX7" s="860"/>
      <c r="AY7" s="860"/>
      <c r="AZ7" s="860"/>
      <c r="BA7" s="860"/>
      <c r="BB7" s="860"/>
      <c r="BC7" s="860"/>
      <c r="BD7" s="194"/>
      <c r="BE7" s="194"/>
      <c r="BF7" s="165"/>
      <c r="BG7" s="336"/>
      <c r="BH7" s="4"/>
      <c r="BI7" s="4"/>
      <c r="BJ7" s="4"/>
    </row>
    <row r="8" spans="1:62" ht="46.2" customHeight="1" x14ac:dyDescent="0.2">
      <c r="A8" s="855" t="s">
        <v>40</v>
      </c>
      <c r="B8" s="856"/>
      <c r="C8" s="857"/>
      <c r="D8" s="857"/>
      <c r="E8" s="635" t="s">
        <v>24</v>
      </c>
      <c r="F8" s="635"/>
      <c r="G8" s="635"/>
      <c r="H8" s="635"/>
      <c r="I8" s="635"/>
      <c r="J8" s="635"/>
      <c r="K8" s="635"/>
      <c r="L8" s="635"/>
      <c r="M8" s="635"/>
      <c r="N8" s="636" t="s">
        <v>7</v>
      </c>
      <c r="O8" s="636"/>
      <c r="P8" s="636"/>
      <c r="Q8" s="636"/>
      <c r="R8" s="636"/>
      <c r="S8" s="636"/>
      <c r="T8" s="636"/>
      <c r="U8" s="636"/>
      <c r="V8" s="636"/>
      <c r="W8" s="636"/>
      <c r="X8" s="636"/>
      <c r="Y8" s="636"/>
      <c r="Z8" s="636"/>
      <c r="AA8" s="636"/>
      <c r="AB8" s="636" t="s">
        <v>2</v>
      </c>
      <c r="AC8" s="636"/>
      <c r="AD8" s="636"/>
      <c r="AE8" s="636"/>
      <c r="AF8" s="636"/>
      <c r="AG8" s="636"/>
      <c r="AH8" s="636"/>
      <c r="AI8" s="636"/>
      <c r="AJ8" s="636"/>
      <c r="AK8" s="636"/>
      <c r="AL8" s="636"/>
      <c r="AM8" s="636"/>
      <c r="AN8" s="636"/>
      <c r="AO8" s="636"/>
      <c r="AP8" s="636"/>
      <c r="AQ8" s="636"/>
      <c r="AR8" s="636"/>
      <c r="AS8" s="637" t="s">
        <v>68</v>
      </c>
      <c r="AT8" s="638"/>
      <c r="AU8" s="638"/>
      <c r="AV8" s="639"/>
      <c r="AW8" s="851" t="s">
        <v>32</v>
      </c>
      <c r="AX8" s="780"/>
      <c r="AY8" s="780"/>
      <c r="AZ8" s="780"/>
      <c r="BA8" s="780"/>
      <c r="BB8" s="780"/>
      <c r="BC8" s="782"/>
      <c r="BD8" s="28"/>
      <c r="BE8" s="28"/>
      <c r="BF8" s="166" t="s">
        <v>656</v>
      </c>
      <c r="BG8" s="339" t="s">
        <v>151</v>
      </c>
    </row>
    <row r="9" spans="1:62" ht="29.25" customHeight="1" x14ac:dyDescent="0.2">
      <c r="A9" s="825" t="s">
        <v>61</v>
      </c>
      <c r="B9" s="826"/>
      <c r="C9" s="827"/>
      <c r="D9" s="827"/>
      <c r="E9" s="854"/>
      <c r="F9" s="854"/>
      <c r="G9" s="854"/>
      <c r="H9" s="854"/>
      <c r="I9" s="854"/>
      <c r="J9" s="854"/>
      <c r="K9" s="854"/>
      <c r="L9" s="854"/>
      <c r="M9" s="854"/>
      <c r="N9" s="612" t="str">
        <f>IF(E9="","",IFERROR(VLOOKUP(E9,製品リスト!$A$4:$C$1000,2,0),"SII登録型番を正しく入力してください"))</f>
        <v/>
      </c>
      <c r="O9" s="612"/>
      <c r="P9" s="612"/>
      <c r="Q9" s="612"/>
      <c r="R9" s="612"/>
      <c r="S9" s="612"/>
      <c r="T9" s="612"/>
      <c r="U9" s="612"/>
      <c r="V9" s="612"/>
      <c r="W9" s="612"/>
      <c r="X9" s="612"/>
      <c r="Y9" s="612"/>
      <c r="Z9" s="612"/>
      <c r="AA9" s="612"/>
      <c r="AB9" s="612" t="str">
        <f>IF(E9="","",IFERROR(VLOOKUP(E9,製品リスト!$A$4:$C$1000,3,0),"SII登録型番を正しく入力してください"))</f>
        <v/>
      </c>
      <c r="AC9" s="612"/>
      <c r="AD9" s="612"/>
      <c r="AE9" s="612"/>
      <c r="AF9" s="612"/>
      <c r="AG9" s="612"/>
      <c r="AH9" s="612"/>
      <c r="AI9" s="612"/>
      <c r="AJ9" s="612"/>
      <c r="AK9" s="612"/>
      <c r="AL9" s="612"/>
      <c r="AM9" s="612"/>
      <c r="AN9" s="612"/>
      <c r="AO9" s="612"/>
      <c r="AP9" s="612"/>
      <c r="AQ9" s="612"/>
      <c r="AR9" s="612"/>
      <c r="AS9" s="862" t="str">
        <f>IF(E9&lt;&gt;"", RIGHT(E9,1),"")</f>
        <v/>
      </c>
      <c r="AT9" s="863"/>
      <c r="AU9" s="863"/>
      <c r="AV9" s="864"/>
      <c r="AW9" s="852"/>
      <c r="AX9" s="853"/>
      <c r="AY9" s="853"/>
      <c r="AZ9" s="853"/>
      <c r="BA9" s="853"/>
      <c r="BB9" s="853"/>
      <c r="BC9" s="71" t="s">
        <v>13</v>
      </c>
      <c r="BD9" s="203"/>
      <c r="BE9" s="203"/>
      <c r="BF9" s="167">
        <v>1</v>
      </c>
      <c r="BG9" s="329"/>
    </row>
    <row r="10" spans="1:62" s="269" customFormat="1" ht="28.5" customHeight="1" x14ac:dyDescent="0.2">
      <c r="A10" s="825"/>
      <c r="B10" s="826"/>
      <c r="C10" s="827"/>
      <c r="D10" s="827"/>
      <c r="E10" s="838"/>
      <c r="F10" s="838"/>
      <c r="G10" s="838"/>
      <c r="H10" s="838"/>
      <c r="I10" s="838"/>
      <c r="J10" s="838"/>
      <c r="K10" s="838"/>
      <c r="L10" s="838"/>
      <c r="M10" s="838"/>
      <c r="N10" s="601" t="str">
        <f>IF(E10="","",IFERROR(VLOOKUP(E10,製品リスト!$A$4:$C$1000,2,0),"SII登録型番を正しく入力してください"))</f>
        <v/>
      </c>
      <c r="O10" s="601"/>
      <c r="P10" s="601"/>
      <c r="Q10" s="601"/>
      <c r="R10" s="601"/>
      <c r="S10" s="601"/>
      <c r="T10" s="601"/>
      <c r="U10" s="601"/>
      <c r="V10" s="601"/>
      <c r="W10" s="601"/>
      <c r="X10" s="601"/>
      <c r="Y10" s="601"/>
      <c r="Z10" s="601"/>
      <c r="AA10" s="601"/>
      <c r="AB10" s="601" t="str">
        <f>IF(E10="","",IFERROR(VLOOKUP(E10,製品リスト!$A$4:$C$1000,3,0),"SII登録型番を正しく入力してください"))</f>
        <v/>
      </c>
      <c r="AC10" s="601"/>
      <c r="AD10" s="601"/>
      <c r="AE10" s="601"/>
      <c r="AF10" s="601"/>
      <c r="AG10" s="601"/>
      <c r="AH10" s="601"/>
      <c r="AI10" s="601"/>
      <c r="AJ10" s="601"/>
      <c r="AK10" s="601"/>
      <c r="AL10" s="601"/>
      <c r="AM10" s="601"/>
      <c r="AN10" s="601"/>
      <c r="AO10" s="601"/>
      <c r="AP10" s="601"/>
      <c r="AQ10" s="601"/>
      <c r="AR10" s="601"/>
      <c r="AS10" s="835" t="str">
        <f t="shared" ref="AS10:AS14" si="0">IF(E10&lt;&gt;"", RIGHT(E10,1),"")</f>
        <v/>
      </c>
      <c r="AT10" s="836"/>
      <c r="AU10" s="836"/>
      <c r="AV10" s="837"/>
      <c r="AW10" s="839"/>
      <c r="AX10" s="840"/>
      <c r="AY10" s="840"/>
      <c r="AZ10" s="840"/>
      <c r="BA10" s="840"/>
      <c r="BB10" s="840"/>
      <c r="BC10" s="72" t="s">
        <v>13</v>
      </c>
      <c r="BD10" s="203"/>
      <c r="BE10" s="203"/>
      <c r="BF10" s="208">
        <v>2</v>
      </c>
      <c r="BG10" s="329"/>
      <c r="BH10" s="1"/>
      <c r="BI10" s="1"/>
      <c r="BJ10" s="1"/>
    </row>
    <row r="11" spans="1:62" s="269" customFormat="1" ht="28.5" customHeight="1" x14ac:dyDescent="0.2">
      <c r="A11" s="825"/>
      <c r="B11" s="826"/>
      <c r="C11" s="827"/>
      <c r="D11" s="827"/>
      <c r="E11" s="838"/>
      <c r="F11" s="838"/>
      <c r="G11" s="838"/>
      <c r="H11" s="838"/>
      <c r="I11" s="838"/>
      <c r="J11" s="838"/>
      <c r="K11" s="838"/>
      <c r="L11" s="838"/>
      <c r="M11" s="838"/>
      <c r="N11" s="601" t="str">
        <f>IF(E11="","",IFERROR(VLOOKUP(E11,製品リスト!$A$4:$C$1000,2,0),"SII登録型番を正しく入力してください"))</f>
        <v/>
      </c>
      <c r="O11" s="601"/>
      <c r="P11" s="601"/>
      <c r="Q11" s="601"/>
      <c r="R11" s="601"/>
      <c r="S11" s="601"/>
      <c r="T11" s="601"/>
      <c r="U11" s="601"/>
      <c r="V11" s="601"/>
      <c r="W11" s="601"/>
      <c r="X11" s="601"/>
      <c r="Y11" s="601"/>
      <c r="Z11" s="601"/>
      <c r="AA11" s="601"/>
      <c r="AB11" s="601" t="str">
        <f>IF(E11="","",IFERROR(VLOOKUP(E11,製品リスト!$A$4:$C$1000,3,0),"SII登録型番を正しく入力してください"))</f>
        <v/>
      </c>
      <c r="AC11" s="601"/>
      <c r="AD11" s="601"/>
      <c r="AE11" s="601"/>
      <c r="AF11" s="601"/>
      <c r="AG11" s="601"/>
      <c r="AH11" s="601"/>
      <c r="AI11" s="601"/>
      <c r="AJ11" s="601"/>
      <c r="AK11" s="601"/>
      <c r="AL11" s="601"/>
      <c r="AM11" s="601"/>
      <c r="AN11" s="601"/>
      <c r="AO11" s="601"/>
      <c r="AP11" s="601"/>
      <c r="AQ11" s="601"/>
      <c r="AR11" s="601"/>
      <c r="AS11" s="835" t="str">
        <f t="shared" si="0"/>
        <v/>
      </c>
      <c r="AT11" s="836"/>
      <c r="AU11" s="836"/>
      <c r="AV11" s="837"/>
      <c r="AW11" s="839"/>
      <c r="AX11" s="840"/>
      <c r="AY11" s="840"/>
      <c r="AZ11" s="840"/>
      <c r="BA11" s="840"/>
      <c r="BB11" s="840"/>
      <c r="BC11" s="72" t="s">
        <v>13</v>
      </c>
      <c r="BD11" s="203"/>
      <c r="BE11" s="203"/>
      <c r="BF11" s="208">
        <v>3</v>
      </c>
      <c r="BG11" s="329"/>
      <c r="BH11" s="1"/>
      <c r="BI11" s="1"/>
      <c r="BJ11" s="1"/>
    </row>
    <row r="12" spans="1:62" s="269" customFormat="1" ht="28.5" customHeight="1" x14ac:dyDescent="0.2">
      <c r="A12" s="825"/>
      <c r="B12" s="826"/>
      <c r="C12" s="827"/>
      <c r="D12" s="827"/>
      <c r="E12" s="838"/>
      <c r="F12" s="838"/>
      <c r="G12" s="838"/>
      <c r="H12" s="838"/>
      <c r="I12" s="838"/>
      <c r="J12" s="838"/>
      <c r="K12" s="838"/>
      <c r="L12" s="838"/>
      <c r="M12" s="838"/>
      <c r="N12" s="601" t="str">
        <f>IF(E12="","",IFERROR(VLOOKUP(E12,製品リスト!$A$4:$C$1000,2,0),"SII登録型番を正しく入力してください"))</f>
        <v/>
      </c>
      <c r="O12" s="601"/>
      <c r="P12" s="601"/>
      <c r="Q12" s="601"/>
      <c r="R12" s="601"/>
      <c r="S12" s="601"/>
      <c r="T12" s="601"/>
      <c r="U12" s="601"/>
      <c r="V12" s="601"/>
      <c r="W12" s="601"/>
      <c r="X12" s="601"/>
      <c r="Y12" s="601"/>
      <c r="Z12" s="601"/>
      <c r="AA12" s="601"/>
      <c r="AB12" s="601" t="str">
        <f>IF(E12="","",IFERROR(VLOOKUP(E12,製品リスト!$A$4:$C$1000,3,0),"SII登録型番を正しく入力してください"))</f>
        <v/>
      </c>
      <c r="AC12" s="601"/>
      <c r="AD12" s="601"/>
      <c r="AE12" s="601"/>
      <c r="AF12" s="601"/>
      <c r="AG12" s="601"/>
      <c r="AH12" s="601"/>
      <c r="AI12" s="601"/>
      <c r="AJ12" s="601"/>
      <c r="AK12" s="601"/>
      <c r="AL12" s="601"/>
      <c r="AM12" s="601"/>
      <c r="AN12" s="601"/>
      <c r="AO12" s="601"/>
      <c r="AP12" s="601"/>
      <c r="AQ12" s="601"/>
      <c r="AR12" s="601"/>
      <c r="AS12" s="835" t="str">
        <f t="shared" si="0"/>
        <v/>
      </c>
      <c r="AT12" s="836"/>
      <c r="AU12" s="836"/>
      <c r="AV12" s="837"/>
      <c r="AW12" s="839"/>
      <c r="AX12" s="840"/>
      <c r="AY12" s="840"/>
      <c r="AZ12" s="840"/>
      <c r="BA12" s="840"/>
      <c r="BB12" s="840"/>
      <c r="BC12" s="72" t="s">
        <v>13</v>
      </c>
      <c r="BD12" s="203"/>
      <c r="BE12" s="203"/>
      <c r="BF12" s="208">
        <v>4</v>
      </c>
      <c r="BG12" s="329"/>
      <c r="BH12" s="1"/>
      <c r="BI12" s="1"/>
      <c r="BJ12" s="1"/>
    </row>
    <row r="13" spans="1:62" s="269" customFormat="1" ht="28.5" customHeight="1" x14ac:dyDescent="0.2">
      <c r="A13" s="825"/>
      <c r="B13" s="826"/>
      <c r="C13" s="827"/>
      <c r="D13" s="827"/>
      <c r="E13" s="838"/>
      <c r="F13" s="838"/>
      <c r="G13" s="838"/>
      <c r="H13" s="838"/>
      <c r="I13" s="838"/>
      <c r="J13" s="838"/>
      <c r="K13" s="838"/>
      <c r="L13" s="838"/>
      <c r="M13" s="838"/>
      <c r="N13" s="601" t="str">
        <f>IF(E13="","",IFERROR(VLOOKUP(E13,製品リスト!$A$4:$C$1000,2,0),"SII登録型番を正しく入力してください"))</f>
        <v/>
      </c>
      <c r="O13" s="601"/>
      <c r="P13" s="601"/>
      <c r="Q13" s="601"/>
      <c r="R13" s="601"/>
      <c r="S13" s="601"/>
      <c r="T13" s="601"/>
      <c r="U13" s="601"/>
      <c r="V13" s="601"/>
      <c r="W13" s="601"/>
      <c r="X13" s="601"/>
      <c r="Y13" s="601"/>
      <c r="Z13" s="601"/>
      <c r="AA13" s="601"/>
      <c r="AB13" s="601" t="str">
        <f>IF(E13="","",IFERROR(VLOOKUP(E13,製品リスト!$A$4:$C$1000,3,0),"SII登録型番を正しく入力してください"))</f>
        <v/>
      </c>
      <c r="AC13" s="601"/>
      <c r="AD13" s="601"/>
      <c r="AE13" s="601"/>
      <c r="AF13" s="601"/>
      <c r="AG13" s="601"/>
      <c r="AH13" s="601"/>
      <c r="AI13" s="601"/>
      <c r="AJ13" s="601"/>
      <c r="AK13" s="601"/>
      <c r="AL13" s="601"/>
      <c r="AM13" s="601"/>
      <c r="AN13" s="601"/>
      <c r="AO13" s="601"/>
      <c r="AP13" s="601"/>
      <c r="AQ13" s="601"/>
      <c r="AR13" s="601"/>
      <c r="AS13" s="835" t="str">
        <f t="shared" si="0"/>
        <v/>
      </c>
      <c r="AT13" s="836"/>
      <c r="AU13" s="836"/>
      <c r="AV13" s="837"/>
      <c r="AW13" s="839"/>
      <c r="AX13" s="840"/>
      <c r="AY13" s="840"/>
      <c r="AZ13" s="840"/>
      <c r="BA13" s="840"/>
      <c r="BB13" s="840"/>
      <c r="BC13" s="72" t="s">
        <v>13</v>
      </c>
      <c r="BD13" s="203"/>
      <c r="BE13" s="203"/>
      <c r="BF13" s="208">
        <v>5</v>
      </c>
      <c r="BG13" s="329"/>
      <c r="BH13" s="1"/>
      <c r="BI13" s="1"/>
      <c r="BJ13" s="1"/>
    </row>
    <row r="14" spans="1:62" s="269" customFormat="1" ht="28.5" customHeight="1" x14ac:dyDescent="0.2">
      <c r="A14" s="825"/>
      <c r="B14" s="826"/>
      <c r="C14" s="827"/>
      <c r="D14" s="827"/>
      <c r="E14" s="838"/>
      <c r="F14" s="838"/>
      <c r="G14" s="838"/>
      <c r="H14" s="838"/>
      <c r="I14" s="838"/>
      <c r="J14" s="838"/>
      <c r="K14" s="838"/>
      <c r="L14" s="838"/>
      <c r="M14" s="838"/>
      <c r="N14" s="601" t="str">
        <f>IF(E14="","",IFERROR(VLOOKUP(E14,製品リスト!$A$4:$C$1000,2,0),"SII登録型番を正しく入力してください"))</f>
        <v/>
      </c>
      <c r="O14" s="601"/>
      <c r="P14" s="601"/>
      <c r="Q14" s="601"/>
      <c r="R14" s="601"/>
      <c r="S14" s="601"/>
      <c r="T14" s="601"/>
      <c r="U14" s="601"/>
      <c r="V14" s="601"/>
      <c r="W14" s="601"/>
      <c r="X14" s="601"/>
      <c r="Y14" s="601"/>
      <c r="Z14" s="601"/>
      <c r="AA14" s="601"/>
      <c r="AB14" s="601" t="str">
        <f>IF(E14="","",IFERROR(VLOOKUP(E14,製品リスト!$A$4:$C$1000,3,0),"SII登録型番を正しく入力してください"))</f>
        <v/>
      </c>
      <c r="AC14" s="601"/>
      <c r="AD14" s="601"/>
      <c r="AE14" s="601"/>
      <c r="AF14" s="601"/>
      <c r="AG14" s="601"/>
      <c r="AH14" s="601"/>
      <c r="AI14" s="601"/>
      <c r="AJ14" s="601"/>
      <c r="AK14" s="601"/>
      <c r="AL14" s="601"/>
      <c r="AM14" s="601"/>
      <c r="AN14" s="601"/>
      <c r="AO14" s="601"/>
      <c r="AP14" s="601"/>
      <c r="AQ14" s="601"/>
      <c r="AR14" s="601"/>
      <c r="AS14" s="835" t="str">
        <f t="shared" si="0"/>
        <v/>
      </c>
      <c r="AT14" s="836"/>
      <c r="AU14" s="836"/>
      <c r="AV14" s="837"/>
      <c r="AW14" s="839"/>
      <c r="AX14" s="840"/>
      <c r="AY14" s="840"/>
      <c r="AZ14" s="840"/>
      <c r="BA14" s="840"/>
      <c r="BB14" s="840"/>
      <c r="BC14" s="72" t="s">
        <v>13</v>
      </c>
      <c r="BD14" s="203"/>
      <c r="BE14" s="203"/>
      <c r="BF14" s="208">
        <v>6</v>
      </c>
      <c r="BG14" s="329"/>
      <c r="BH14" s="1"/>
      <c r="BI14" s="1"/>
      <c r="BJ14" s="1"/>
    </row>
    <row r="15" spans="1:62" s="269" customFormat="1" ht="28.5" customHeight="1" x14ac:dyDescent="0.2">
      <c r="A15" s="825"/>
      <c r="B15" s="826"/>
      <c r="C15" s="827"/>
      <c r="D15" s="827"/>
      <c r="E15" s="838"/>
      <c r="F15" s="838"/>
      <c r="G15" s="838"/>
      <c r="H15" s="838"/>
      <c r="I15" s="838"/>
      <c r="J15" s="838"/>
      <c r="K15" s="838"/>
      <c r="L15" s="838"/>
      <c r="M15" s="838"/>
      <c r="N15" s="601" t="str">
        <f>IF(E15="","",IFERROR(VLOOKUP(E15,製品リスト!$A$4:$C$1000,2,0),"SII登録型番を正しく入力してください"))</f>
        <v/>
      </c>
      <c r="O15" s="601"/>
      <c r="P15" s="601"/>
      <c r="Q15" s="601"/>
      <c r="R15" s="601"/>
      <c r="S15" s="601"/>
      <c r="T15" s="601"/>
      <c r="U15" s="601"/>
      <c r="V15" s="601"/>
      <c r="W15" s="601"/>
      <c r="X15" s="601"/>
      <c r="Y15" s="601"/>
      <c r="Z15" s="601"/>
      <c r="AA15" s="601"/>
      <c r="AB15" s="601" t="str">
        <f>IF(E15="","",IFERROR(VLOOKUP(E15,製品リスト!$A$4:$C$1000,3,0),"SII登録型番を正しく入力してください"))</f>
        <v/>
      </c>
      <c r="AC15" s="601"/>
      <c r="AD15" s="601"/>
      <c r="AE15" s="601"/>
      <c r="AF15" s="601"/>
      <c r="AG15" s="601"/>
      <c r="AH15" s="601"/>
      <c r="AI15" s="601"/>
      <c r="AJ15" s="601"/>
      <c r="AK15" s="601"/>
      <c r="AL15" s="601"/>
      <c r="AM15" s="601"/>
      <c r="AN15" s="601"/>
      <c r="AO15" s="601"/>
      <c r="AP15" s="601"/>
      <c r="AQ15" s="601"/>
      <c r="AR15" s="601"/>
      <c r="AS15" s="835" t="str">
        <f t="shared" ref="AS15:AS17" si="1">IF(E15&lt;&gt;"", RIGHT(E15,1),"")</f>
        <v/>
      </c>
      <c r="AT15" s="836"/>
      <c r="AU15" s="836"/>
      <c r="AV15" s="837"/>
      <c r="AW15" s="839"/>
      <c r="AX15" s="840"/>
      <c r="AY15" s="840"/>
      <c r="AZ15" s="840"/>
      <c r="BA15" s="840"/>
      <c r="BB15" s="840"/>
      <c r="BC15" s="72" t="s">
        <v>13</v>
      </c>
      <c r="BD15" s="203"/>
      <c r="BE15" s="203"/>
      <c r="BF15" s="208">
        <v>7</v>
      </c>
      <c r="BG15" s="329"/>
      <c r="BH15" s="1"/>
      <c r="BI15" s="1"/>
      <c r="BJ15" s="1"/>
    </row>
    <row r="16" spans="1:62" s="269" customFormat="1" ht="28.5" customHeight="1" x14ac:dyDescent="0.2">
      <c r="A16" s="825"/>
      <c r="B16" s="826"/>
      <c r="C16" s="827"/>
      <c r="D16" s="827"/>
      <c r="E16" s="838"/>
      <c r="F16" s="838"/>
      <c r="G16" s="838"/>
      <c r="H16" s="838"/>
      <c r="I16" s="838"/>
      <c r="J16" s="838"/>
      <c r="K16" s="838"/>
      <c r="L16" s="838"/>
      <c r="M16" s="838"/>
      <c r="N16" s="601" t="str">
        <f>IF(E16="","",IFERROR(VLOOKUP(E16,製品リスト!$A$4:$C$1000,2,0),"SII登録型番を正しく入力してください"))</f>
        <v/>
      </c>
      <c r="O16" s="601"/>
      <c r="P16" s="601"/>
      <c r="Q16" s="601"/>
      <c r="R16" s="601"/>
      <c r="S16" s="601"/>
      <c r="T16" s="601"/>
      <c r="U16" s="601"/>
      <c r="V16" s="601"/>
      <c r="W16" s="601"/>
      <c r="X16" s="601"/>
      <c r="Y16" s="601"/>
      <c r="Z16" s="601"/>
      <c r="AA16" s="601"/>
      <c r="AB16" s="601" t="str">
        <f>IF(E16="","",IFERROR(VLOOKUP(E16,製品リスト!$A$4:$C$1000,3,0),"SII登録型番を正しく入力してください"))</f>
        <v/>
      </c>
      <c r="AC16" s="601"/>
      <c r="AD16" s="601"/>
      <c r="AE16" s="601"/>
      <c r="AF16" s="601"/>
      <c r="AG16" s="601"/>
      <c r="AH16" s="601"/>
      <c r="AI16" s="601"/>
      <c r="AJ16" s="601"/>
      <c r="AK16" s="601"/>
      <c r="AL16" s="601"/>
      <c r="AM16" s="601"/>
      <c r="AN16" s="601"/>
      <c r="AO16" s="601"/>
      <c r="AP16" s="601"/>
      <c r="AQ16" s="601"/>
      <c r="AR16" s="601"/>
      <c r="AS16" s="835" t="str">
        <f t="shared" si="1"/>
        <v/>
      </c>
      <c r="AT16" s="836"/>
      <c r="AU16" s="836"/>
      <c r="AV16" s="837"/>
      <c r="AW16" s="839"/>
      <c r="AX16" s="840"/>
      <c r="AY16" s="840"/>
      <c r="AZ16" s="840"/>
      <c r="BA16" s="840"/>
      <c r="BB16" s="840"/>
      <c r="BC16" s="72" t="s">
        <v>13</v>
      </c>
      <c r="BD16" s="203"/>
      <c r="BE16" s="203"/>
      <c r="BF16" s="208">
        <v>8</v>
      </c>
      <c r="BG16" s="329"/>
      <c r="BH16" s="1"/>
      <c r="BI16" s="1"/>
      <c r="BJ16" s="1"/>
    </row>
    <row r="17" spans="1:62" s="269" customFormat="1" ht="28.5" customHeight="1" x14ac:dyDescent="0.2">
      <c r="A17" s="825"/>
      <c r="B17" s="826"/>
      <c r="C17" s="827"/>
      <c r="D17" s="827"/>
      <c r="E17" s="838"/>
      <c r="F17" s="838"/>
      <c r="G17" s="838"/>
      <c r="H17" s="838"/>
      <c r="I17" s="838"/>
      <c r="J17" s="838"/>
      <c r="K17" s="838"/>
      <c r="L17" s="838"/>
      <c r="M17" s="838"/>
      <c r="N17" s="601" t="str">
        <f>IF(E17="","",IFERROR(VLOOKUP(E17,製品リスト!$A$4:$C$1000,2,0),"SII登録型番を正しく入力してください"))</f>
        <v/>
      </c>
      <c r="O17" s="601"/>
      <c r="P17" s="601"/>
      <c r="Q17" s="601"/>
      <c r="R17" s="601"/>
      <c r="S17" s="601"/>
      <c r="T17" s="601"/>
      <c r="U17" s="601"/>
      <c r="V17" s="601"/>
      <c r="W17" s="601"/>
      <c r="X17" s="601"/>
      <c r="Y17" s="601"/>
      <c r="Z17" s="601"/>
      <c r="AA17" s="601"/>
      <c r="AB17" s="601" t="str">
        <f>IF(E17="","",IFERROR(VLOOKUP(E17,製品リスト!$A$4:$C$1000,3,0),"SII登録型番を正しく入力してください"))</f>
        <v/>
      </c>
      <c r="AC17" s="601"/>
      <c r="AD17" s="601"/>
      <c r="AE17" s="601"/>
      <c r="AF17" s="601"/>
      <c r="AG17" s="601"/>
      <c r="AH17" s="601"/>
      <c r="AI17" s="601"/>
      <c r="AJ17" s="601"/>
      <c r="AK17" s="601"/>
      <c r="AL17" s="601"/>
      <c r="AM17" s="601"/>
      <c r="AN17" s="601"/>
      <c r="AO17" s="601"/>
      <c r="AP17" s="601"/>
      <c r="AQ17" s="601"/>
      <c r="AR17" s="601"/>
      <c r="AS17" s="835" t="str">
        <f t="shared" si="1"/>
        <v/>
      </c>
      <c r="AT17" s="836"/>
      <c r="AU17" s="836"/>
      <c r="AV17" s="837"/>
      <c r="AW17" s="839"/>
      <c r="AX17" s="840"/>
      <c r="AY17" s="840"/>
      <c r="AZ17" s="840"/>
      <c r="BA17" s="840"/>
      <c r="BB17" s="840"/>
      <c r="BC17" s="72" t="s">
        <v>13</v>
      </c>
      <c r="BD17" s="203"/>
      <c r="BE17" s="203"/>
      <c r="BF17" s="208">
        <v>9</v>
      </c>
      <c r="BG17" s="329"/>
      <c r="BH17" s="1"/>
      <c r="BI17" s="1"/>
      <c r="BJ17" s="1"/>
    </row>
    <row r="18" spans="1:62" s="269" customFormat="1" ht="28.5" customHeight="1" x14ac:dyDescent="0.2">
      <c r="A18" s="825"/>
      <c r="B18" s="826"/>
      <c r="C18" s="827"/>
      <c r="D18" s="827"/>
      <c r="E18" s="838"/>
      <c r="F18" s="838"/>
      <c r="G18" s="838"/>
      <c r="H18" s="838"/>
      <c r="I18" s="838"/>
      <c r="J18" s="838"/>
      <c r="K18" s="838"/>
      <c r="L18" s="838"/>
      <c r="M18" s="838"/>
      <c r="N18" s="601" t="str">
        <f>IF(E18="","",IFERROR(VLOOKUP(E18,製品リスト!$A$4:$C$1000,2,0),"SII登録型番を正しく入力してください"))</f>
        <v/>
      </c>
      <c r="O18" s="601"/>
      <c r="P18" s="601"/>
      <c r="Q18" s="601"/>
      <c r="R18" s="601"/>
      <c r="S18" s="601"/>
      <c r="T18" s="601"/>
      <c r="U18" s="601"/>
      <c r="V18" s="601"/>
      <c r="W18" s="601"/>
      <c r="X18" s="601"/>
      <c r="Y18" s="601"/>
      <c r="Z18" s="601"/>
      <c r="AA18" s="601"/>
      <c r="AB18" s="601" t="str">
        <f>IF(E18="","",IFERROR(VLOOKUP(E18,製品リスト!$A$4:$C$1000,3,0),"SII登録型番を正しく入力してください"))</f>
        <v/>
      </c>
      <c r="AC18" s="601"/>
      <c r="AD18" s="601"/>
      <c r="AE18" s="601"/>
      <c r="AF18" s="601"/>
      <c r="AG18" s="601"/>
      <c r="AH18" s="601"/>
      <c r="AI18" s="601"/>
      <c r="AJ18" s="601"/>
      <c r="AK18" s="601"/>
      <c r="AL18" s="601"/>
      <c r="AM18" s="601"/>
      <c r="AN18" s="601"/>
      <c r="AO18" s="601"/>
      <c r="AP18" s="601"/>
      <c r="AQ18" s="601"/>
      <c r="AR18" s="601"/>
      <c r="AS18" s="835" t="str">
        <f t="shared" ref="AS18:AS19" si="2">IF(E18&lt;&gt;"", RIGHT(E18,1),"")</f>
        <v/>
      </c>
      <c r="AT18" s="836"/>
      <c r="AU18" s="836"/>
      <c r="AV18" s="837"/>
      <c r="AW18" s="839"/>
      <c r="AX18" s="840"/>
      <c r="AY18" s="840"/>
      <c r="AZ18" s="840"/>
      <c r="BA18" s="840"/>
      <c r="BB18" s="840"/>
      <c r="BC18" s="72" t="s">
        <v>13</v>
      </c>
      <c r="BD18" s="203"/>
      <c r="BE18" s="203"/>
      <c r="BF18" s="208">
        <v>10</v>
      </c>
      <c r="BG18" s="329"/>
      <c r="BH18" s="1"/>
      <c r="BI18" s="1"/>
      <c r="BJ18" s="1"/>
    </row>
    <row r="19" spans="1:62" s="269" customFormat="1" ht="28.5" customHeight="1" x14ac:dyDescent="0.2">
      <c r="A19" s="825"/>
      <c r="B19" s="826"/>
      <c r="C19" s="827"/>
      <c r="D19" s="827"/>
      <c r="E19" s="838"/>
      <c r="F19" s="838"/>
      <c r="G19" s="838"/>
      <c r="H19" s="838"/>
      <c r="I19" s="838"/>
      <c r="J19" s="838"/>
      <c r="K19" s="838"/>
      <c r="L19" s="838"/>
      <c r="M19" s="838"/>
      <c r="N19" s="601" t="str">
        <f>IF(E19="","",IFERROR(VLOOKUP(E19,製品リスト!$A$4:$C$1000,2,0),"SII登録型番を正しく入力してください"))</f>
        <v/>
      </c>
      <c r="O19" s="601"/>
      <c r="P19" s="601"/>
      <c r="Q19" s="601"/>
      <c r="R19" s="601"/>
      <c r="S19" s="601"/>
      <c r="T19" s="601"/>
      <c r="U19" s="601"/>
      <c r="V19" s="601"/>
      <c r="W19" s="601"/>
      <c r="X19" s="601"/>
      <c r="Y19" s="601"/>
      <c r="Z19" s="601"/>
      <c r="AA19" s="601"/>
      <c r="AB19" s="601" t="str">
        <f>IF(E19="","",IFERROR(VLOOKUP(E19,製品リスト!$A$4:$C$1000,3,0),"SII登録型番を正しく入力してください"))</f>
        <v/>
      </c>
      <c r="AC19" s="601"/>
      <c r="AD19" s="601"/>
      <c r="AE19" s="601"/>
      <c r="AF19" s="601"/>
      <c r="AG19" s="601"/>
      <c r="AH19" s="601"/>
      <c r="AI19" s="601"/>
      <c r="AJ19" s="601"/>
      <c r="AK19" s="601"/>
      <c r="AL19" s="601"/>
      <c r="AM19" s="601"/>
      <c r="AN19" s="601"/>
      <c r="AO19" s="601"/>
      <c r="AP19" s="601"/>
      <c r="AQ19" s="601"/>
      <c r="AR19" s="601"/>
      <c r="AS19" s="835" t="str">
        <f t="shared" si="2"/>
        <v/>
      </c>
      <c r="AT19" s="836"/>
      <c r="AU19" s="836"/>
      <c r="AV19" s="837"/>
      <c r="AW19" s="839"/>
      <c r="AX19" s="840"/>
      <c r="AY19" s="840"/>
      <c r="AZ19" s="840"/>
      <c r="BA19" s="840"/>
      <c r="BB19" s="840"/>
      <c r="BC19" s="72" t="s">
        <v>13</v>
      </c>
      <c r="BD19" s="203"/>
      <c r="BE19" s="203"/>
      <c r="BF19" s="208">
        <v>11</v>
      </c>
      <c r="BG19" s="329"/>
      <c r="BH19" s="1"/>
      <c r="BI19" s="1"/>
      <c r="BJ19" s="1"/>
    </row>
    <row r="20" spans="1:62" s="269" customFormat="1" ht="28.5" customHeight="1" x14ac:dyDescent="0.2">
      <c r="A20" s="825"/>
      <c r="B20" s="826"/>
      <c r="C20" s="827"/>
      <c r="D20" s="827"/>
      <c r="E20" s="838"/>
      <c r="F20" s="838"/>
      <c r="G20" s="838"/>
      <c r="H20" s="838"/>
      <c r="I20" s="838"/>
      <c r="J20" s="838"/>
      <c r="K20" s="838"/>
      <c r="L20" s="838"/>
      <c r="M20" s="838"/>
      <c r="N20" s="601" t="str">
        <f>IF(E20="","",IFERROR(VLOOKUP(E20,製品リスト!$A$4:$C$1000,2,0),"SII登録型番を正しく入力してください"))</f>
        <v/>
      </c>
      <c r="O20" s="601"/>
      <c r="P20" s="601"/>
      <c r="Q20" s="601"/>
      <c r="R20" s="601"/>
      <c r="S20" s="601"/>
      <c r="T20" s="601"/>
      <c r="U20" s="601"/>
      <c r="V20" s="601"/>
      <c r="W20" s="601"/>
      <c r="X20" s="601"/>
      <c r="Y20" s="601"/>
      <c r="Z20" s="601"/>
      <c r="AA20" s="601"/>
      <c r="AB20" s="601" t="str">
        <f>IF(E20="","",IFERROR(VLOOKUP(E20,製品リスト!$A$4:$C$1000,3,0),"SII登録型番を正しく入力してください"))</f>
        <v/>
      </c>
      <c r="AC20" s="601"/>
      <c r="AD20" s="601"/>
      <c r="AE20" s="601"/>
      <c r="AF20" s="601"/>
      <c r="AG20" s="601"/>
      <c r="AH20" s="601"/>
      <c r="AI20" s="601"/>
      <c r="AJ20" s="601"/>
      <c r="AK20" s="601"/>
      <c r="AL20" s="601"/>
      <c r="AM20" s="601"/>
      <c r="AN20" s="601"/>
      <c r="AO20" s="601"/>
      <c r="AP20" s="601"/>
      <c r="AQ20" s="601"/>
      <c r="AR20" s="601"/>
      <c r="AS20" s="835" t="str">
        <f t="shared" ref="AS20:AS53" si="3">IF(E20&lt;&gt;"", RIGHT(E20,1),"")</f>
        <v/>
      </c>
      <c r="AT20" s="836"/>
      <c r="AU20" s="836"/>
      <c r="AV20" s="837"/>
      <c r="AW20" s="839"/>
      <c r="AX20" s="840"/>
      <c r="AY20" s="840"/>
      <c r="AZ20" s="840"/>
      <c r="BA20" s="840"/>
      <c r="BB20" s="840"/>
      <c r="BC20" s="72" t="s">
        <v>13</v>
      </c>
      <c r="BD20" s="203"/>
      <c r="BE20" s="203"/>
      <c r="BF20" s="208">
        <v>12</v>
      </c>
      <c r="BG20" s="329"/>
      <c r="BH20" s="1"/>
      <c r="BI20" s="1"/>
      <c r="BJ20" s="1"/>
    </row>
    <row r="21" spans="1:62" s="269" customFormat="1" ht="28.5" customHeight="1" x14ac:dyDescent="0.2">
      <c r="A21" s="825"/>
      <c r="B21" s="826"/>
      <c r="C21" s="827"/>
      <c r="D21" s="827"/>
      <c r="E21" s="838"/>
      <c r="F21" s="838"/>
      <c r="G21" s="838"/>
      <c r="H21" s="838"/>
      <c r="I21" s="838"/>
      <c r="J21" s="838"/>
      <c r="K21" s="838"/>
      <c r="L21" s="838"/>
      <c r="M21" s="838"/>
      <c r="N21" s="601" t="str">
        <f>IF(E21="","",IFERROR(VLOOKUP(E21,製品リスト!$A$4:$C$1000,2,0),"SII登録型番を正しく入力してください"))</f>
        <v/>
      </c>
      <c r="O21" s="601"/>
      <c r="P21" s="601"/>
      <c r="Q21" s="601"/>
      <c r="R21" s="601"/>
      <c r="S21" s="601"/>
      <c r="T21" s="601"/>
      <c r="U21" s="601"/>
      <c r="V21" s="601"/>
      <c r="W21" s="601"/>
      <c r="X21" s="601"/>
      <c r="Y21" s="601"/>
      <c r="Z21" s="601"/>
      <c r="AA21" s="601"/>
      <c r="AB21" s="601" t="str">
        <f>IF(E21="","",IFERROR(VLOOKUP(E21,製品リスト!$A$4:$C$1000,3,0),"SII登録型番を正しく入力してください"))</f>
        <v/>
      </c>
      <c r="AC21" s="601"/>
      <c r="AD21" s="601"/>
      <c r="AE21" s="601"/>
      <c r="AF21" s="601"/>
      <c r="AG21" s="601"/>
      <c r="AH21" s="601"/>
      <c r="AI21" s="601"/>
      <c r="AJ21" s="601"/>
      <c r="AK21" s="601"/>
      <c r="AL21" s="601"/>
      <c r="AM21" s="601"/>
      <c r="AN21" s="601"/>
      <c r="AO21" s="601"/>
      <c r="AP21" s="601"/>
      <c r="AQ21" s="601"/>
      <c r="AR21" s="601"/>
      <c r="AS21" s="835" t="str">
        <f t="shared" si="3"/>
        <v/>
      </c>
      <c r="AT21" s="836"/>
      <c r="AU21" s="836"/>
      <c r="AV21" s="837"/>
      <c r="AW21" s="839"/>
      <c r="AX21" s="840"/>
      <c r="AY21" s="840"/>
      <c r="AZ21" s="840"/>
      <c r="BA21" s="840"/>
      <c r="BB21" s="840"/>
      <c r="BC21" s="72" t="s">
        <v>13</v>
      </c>
      <c r="BD21" s="203"/>
      <c r="BE21" s="203"/>
      <c r="BF21" s="208">
        <v>13</v>
      </c>
      <c r="BG21" s="329"/>
      <c r="BH21" s="1"/>
      <c r="BI21" s="1"/>
      <c r="BJ21" s="1"/>
    </row>
    <row r="22" spans="1:62" s="269" customFormat="1" ht="28.5" customHeight="1" x14ac:dyDescent="0.2">
      <c r="A22" s="825"/>
      <c r="B22" s="826"/>
      <c r="C22" s="827"/>
      <c r="D22" s="827"/>
      <c r="E22" s="838"/>
      <c r="F22" s="838"/>
      <c r="G22" s="838"/>
      <c r="H22" s="838"/>
      <c r="I22" s="838"/>
      <c r="J22" s="838"/>
      <c r="K22" s="838"/>
      <c r="L22" s="838"/>
      <c r="M22" s="838"/>
      <c r="N22" s="601" t="str">
        <f>IF(E22="","",IFERROR(VLOOKUP(E22,製品リスト!$A$4:$C$1000,2,0),"SII登録型番を正しく入力してください"))</f>
        <v/>
      </c>
      <c r="O22" s="601"/>
      <c r="P22" s="601"/>
      <c r="Q22" s="601"/>
      <c r="R22" s="601"/>
      <c r="S22" s="601"/>
      <c r="T22" s="601"/>
      <c r="U22" s="601"/>
      <c r="V22" s="601"/>
      <c r="W22" s="601"/>
      <c r="X22" s="601"/>
      <c r="Y22" s="601"/>
      <c r="Z22" s="601"/>
      <c r="AA22" s="601"/>
      <c r="AB22" s="601" t="str">
        <f>IF(E22="","",IFERROR(VLOOKUP(E22,製品リスト!$A$4:$C$1000,3,0),"SII登録型番を正しく入力してください"))</f>
        <v/>
      </c>
      <c r="AC22" s="601"/>
      <c r="AD22" s="601"/>
      <c r="AE22" s="601"/>
      <c r="AF22" s="601"/>
      <c r="AG22" s="601"/>
      <c r="AH22" s="601"/>
      <c r="AI22" s="601"/>
      <c r="AJ22" s="601"/>
      <c r="AK22" s="601"/>
      <c r="AL22" s="601"/>
      <c r="AM22" s="601"/>
      <c r="AN22" s="601"/>
      <c r="AO22" s="601"/>
      <c r="AP22" s="601"/>
      <c r="AQ22" s="601"/>
      <c r="AR22" s="601"/>
      <c r="AS22" s="835" t="str">
        <f t="shared" si="3"/>
        <v/>
      </c>
      <c r="AT22" s="836"/>
      <c r="AU22" s="836"/>
      <c r="AV22" s="837"/>
      <c r="AW22" s="839"/>
      <c r="AX22" s="840"/>
      <c r="AY22" s="840"/>
      <c r="AZ22" s="840"/>
      <c r="BA22" s="840"/>
      <c r="BB22" s="840"/>
      <c r="BC22" s="72" t="s">
        <v>13</v>
      </c>
      <c r="BD22" s="203"/>
      <c r="BE22" s="203"/>
      <c r="BF22" s="208">
        <v>14</v>
      </c>
      <c r="BG22" s="329"/>
      <c r="BH22" s="1"/>
      <c r="BI22" s="1"/>
      <c r="BJ22" s="1"/>
    </row>
    <row r="23" spans="1:62" s="269" customFormat="1" ht="28.5" customHeight="1" x14ac:dyDescent="0.2">
      <c r="A23" s="825"/>
      <c r="B23" s="826"/>
      <c r="C23" s="827"/>
      <c r="D23" s="827"/>
      <c r="E23" s="868"/>
      <c r="F23" s="868"/>
      <c r="G23" s="868"/>
      <c r="H23" s="868"/>
      <c r="I23" s="868"/>
      <c r="J23" s="868"/>
      <c r="K23" s="868"/>
      <c r="L23" s="868"/>
      <c r="M23" s="868"/>
      <c r="N23" s="906" t="str">
        <f>IF(E23="","",IFERROR(VLOOKUP(E23,製品リスト!$A$4:$C$1000,2,0),"SII登録型番を正しく入力してください"))</f>
        <v/>
      </c>
      <c r="O23" s="906"/>
      <c r="P23" s="906"/>
      <c r="Q23" s="906"/>
      <c r="R23" s="906"/>
      <c r="S23" s="906"/>
      <c r="T23" s="906"/>
      <c r="U23" s="906"/>
      <c r="V23" s="906"/>
      <c r="W23" s="906"/>
      <c r="X23" s="906"/>
      <c r="Y23" s="906"/>
      <c r="Z23" s="906"/>
      <c r="AA23" s="906"/>
      <c r="AB23" s="906" t="str">
        <f>IF(E23="","",IFERROR(VLOOKUP(E23,製品リスト!$A$4:$C$1000,3,0),"SII登録型番を正しく入力してください"))</f>
        <v/>
      </c>
      <c r="AC23" s="906"/>
      <c r="AD23" s="906"/>
      <c r="AE23" s="906"/>
      <c r="AF23" s="906"/>
      <c r="AG23" s="906"/>
      <c r="AH23" s="906"/>
      <c r="AI23" s="906"/>
      <c r="AJ23" s="906"/>
      <c r="AK23" s="906"/>
      <c r="AL23" s="906"/>
      <c r="AM23" s="906"/>
      <c r="AN23" s="906"/>
      <c r="AO23" s="906"/>
      <c r="AP23" s="906"/>
      <c r="AQ23" s="906"/>
      <c r="AR23" s="906"/>
      <c r="AS23" s="865" t="str">
        <f t="shared" si="3"/>
        <v/>
      </c>
      <c r="AT23" s="866"/>
      <c r="AU23" s="866"/>
      <c r="AV23" s="867"/>
      <c r="AW23" s="841"/>
      <c r="AX23" s="842"/>
      <c r="AY23" s="842"/>
      <c r="AZ23" s="842"/>
      <c r="BA23" s="842"/>
      <c r="BB23" s="842"/>
      <c r="BC23" s="73" t="s">
        <v>13</v>
      </c>
      <c r="BD23" s="205"/>
      <c r="BE23" s="203"/>
      <c r="BF23" s="208">
        <v>15</v>
      </c>
      <c r="BG23" s="329"/>
      <c r="BH23" s="1"/>
      <c r="BI23" s="1"/>
      <c r="BJ23" s="1"/>
    </row>
    <row r="24" spans="1:62" ht="29.25" customHeight="1" x14ac:dyDescent="0.2">
      <c r="A24" s="822" t="s">
        <v>62</v>
      </c>
      <c r="B24" s="823"/>
      <c r="C24" s="824"/>
      <c r="D24" s="824"/>
      <c r="E24" s="831"/>
      <c r="F24" s="831"/>
      <c r="G24" s="831"/>
      <c r="H24" s="831"/>
      <c r="I24" s="831"/>
      <c r="J24" s="831"/>
      <c r="K24" s="831"/>
      <c r="L24" s="831"/>
      <c r="M24" s="831"/>
      <c r="N24" s="834" t="str">
        <f>IF(E24="","",IFERROR(VLOOKUP(E24,製品リスト!$A$4:$C$1000,2,0),"SII登録型番を正しく入力してください"))</f>
        <v/>
      </c>
      <c r="O24" s="834"/>
      <c r="P24" s="834"/>
      <c r="Q24" s="834"/>
      <c r="R24" s="834"/>
      <c r="S24" s="834"/>
      <c r="T24" s="834"/>
      <c r="U24" s="834"/>
      <c r="V24" s="834"/>
      <c r="W24" s="834"/>
      <c r="X24" s="834"/>
      <c r="Y24" s="834"/>
      <c r="Z24" s="834"/>
      <c r="AA24" s="834"/>
      <c r="AB24" s="834" t="str">
        <f>IF(E24="","",IFERROR(VLOOKUP(E24,製品リスト!$A$4:$C$1000,3,0),"SII登録型番を正しく入力してください"))</f>
        <v/>
      </c>
      <c r="AC24" s="834"/>
      <c r="AD24" s="834"/>
      <c r="AE24" s="834"/>
      <c r="AF24" s="834"/>
      <c r="AG24" s="834"/>
      <c r="AH24" s="834"/>
      <c r="AI24" s="834"/>
      <c r="AJ24" s="834"/>
      <c r="AK24" s="834"/>
      <c r="AL24" s="834"/>
      <c r="AM24" s="834"/>
      <c r="AN24" s="834"/>
      <c r="AO24" s="834"/>
      <c r="AP24" s="834"/>
      <c r="AQ24" s="834"/>
      <c r="AR24" s="834"/>
      <c r="AS24" s="869" t="str">
        <f t="shared" si="3"/>
        <v/>
      </c>
      <c r="AT24" s="870"/>
      <c r="AU24" s="870"/>
      <c r="AV24" s="871"/>
      <c r="AW24" s="832"/>
      <c r="AX24" s="833"/>
      <c r="AY24" s="833"/>
      <c r="AZ24" s="833"/>
      <c r="BA24" s="833"/>
      <c r="BB24" s="833"/>
      <c r="BC24" s="74" t="s">
        <v>13</v>
      </c>
      <c r="BD24" s="203"/>
      <c r="BE24" s="203"/>
      <c r="BF24" s="208">
        <v>16</v>
      </c>
      <c r="BG24" s="329"/>
    </row>
    <row r="25" spans="1:62" s="269" customFormat="1" ht="28.5" customHeight="1" x14ac:dyDescent="0.2">
      <c r="A25" s="825"/>
      <c r="B25" s="826"/>
      <c r="C25" s="827"/>
      <c r="D25" s="827"/>
      <c r="E25" s="838"/>
      <c r="F25" s="838"/>
      <c r="G25" s="838"/>
      <c r="H25" s="838"/>
      <c r="I25" s="838"/>
      <c r="J25" s="838"/>
      <c r="K25" s="838"/>
      <c r="L25" s="838"/>
      <c r="M25" s="838"/>
      <c r="N25" s="601" t="str">
        <f>IF(E25="","",IFERROR(VLOOKUP(E25,製品リスト!$A$4:$C$1000,2,0),"SII登録型番を正しく入力してください"))</f>
        <v/>
      </c>
      <c r="O25" s="601"/>
      <c r="P25" s="601"/>
      <c r="Q25" s="601"/>
      <c r="R25" s="601"/>
      <c r="S25" s="601"/>
      <c r="T25" s="601"/>
      <c r="U25" s="601"/>
      <c r="V25" s="601"/>
      <c r="W25" s="601"/>
      <c r="X25" s="601"/>
      <c r="Y25" s="601"/>
      <c r="Z25" s="601"/>
      <c r="AA25" s="601"/>
      <c r="AB25" s="601" t="str">
        <f>IF(E25="","",IFERROR(VLOOKUP(E25,製品リスト!$A$4:$C$1000,3,0),"SII登録型番を正しく入力してください"))</f>
        <v/>
      </c>
      <c r="AC25" s="601"/>
      <c r="AD25" s="601"/>
      <c r="AE25" s="601"/>
      <c r="AF25" s="601"/>
      <c r="AG25" s="601"/>
      <c r="AH25" s="601"/>
      <c r="AI25" s="601"/>
      <c r="AJ25" s="601"/>
      <c r="AK25" s="601"/>
      <c r="AL25" s="601"/>
      <c r="AM25" s="601"/>
      <c r="AN25" s="601"/>
      <c r="AO25" s="601"/>
      <c r="AP25" s="601"/>
      <c r="AQ25" s="601"/>
      <c r="AR25" s="601"/>
      <c r="AS25" s="835" t="str">
        <f t="shared" si="3"/>
        <v/>
      </c>
      <c r="AT25" s="836"/>
      <c r="AU25" s="836"/>
      <c r="AV25" s="837"/>
      <c r="AW25" s="839"/>
      <c r="AX25" s="840"/>
      <c r="AY25" s="840"/>
      <c r="AZ25" s="840"/>
      <c r="BA25" s="840"/>
      <c r="BB25" s="840"/>
      <c r="BC25" s="72" t="s">
        <v>13</v>
      </c>
      <c r="BD25" s="203"/>
      <c r="BE25" s="203"/>
      <c r="BF25" s="208">
        <v>17</v>
      </c>
      <c r="BG25" s="329"/>
      <c r="BH25" s="1"/>
      <c r="BI25" s="1"/>
      <c r="BJ25" s="1"/>
    </row>
    <row r="26" spans="1:62" s="269" customFormat="1" ht="28.5" customHeight="1" x14ac:dyDescent="0.2">
      <c r="A26" s="825"/>
      <c r="B26" s="826"/>
      <c r="C26" s="827"/>
      <c r="D26" s="827"/>
      <c r="E26" s="838"/>
      <c r="F26" s="838"/>
      <c r="G26" s="838"/>
      <c r="H26" s="838"/>
      <c r="I26" s="838"/>
      <c r="J26" s="838"/>
      <c r="K26" s="838"/>
      <c r="L26" s="838"/>
      <c r="M26" s="838"/>
      <c r="N26" s="601" t="str">
        <f>IF(E26="","",IFERROR(VLOOKUP(E26,製品リスト!$A$4:$C$1000,2,0),"SII登録型番を正しく入力してください"))</f>
        <v/>
      </c>
      <c r="O26" s="601"/>
      <c r="P26" s="601"/>
      <c r="Q26" s="601"/>
      <c r="R26" s="601"/>
      <c r="S26" s="601"/>
      <c r="T26" s="601"/>
      <c r="U26" s="601"/>
      <c r="V26" s="601"/>
      <c r="W26" s="601"/>
      <c r="X26" s="601"/>
      <c r="Y26" s="601"/>
      <c r="Z26" s="601"/>
      <c r="AA26" s="601"/>
      <c r="AB26" s="601" t="str">
        <f>IF(E26="","",IFERROR(VLOOKUP(E26,製品リスト!$A$4:$C$1000,3,0),"SII登録型番を正しく入力してください"))</f>
        <v/>
      </c>
      <c r="AC26" s="601"/>
      <c r="AD26" s="601"/>
      <c r="AE26" s="601"/>
      <c r="AF26" s="601"/>
      <c r="AG26" s="601"/>
      <c r="AH26" s="601"/>
      <c r="AI26" s="601"/>
      <c r="AJ26" s="601"/>
      <c r="AK26" s="601"/>
      <c r="AL26" s="601"/>
      <c r="AM26" s="601"/>
      <c r="AN26" s="601"/>
      <c r="AO26" s="601"/>
      <c r="AP26" s="601"/>
      <c r="AQ26" s="601"/>
      <c r="AR26" s="601"/>
      <c r="AS26" s="835" t="str">
        <f t="shared" ref="AS26:AS30" si="4">IF(E26&lt;&gt;"", RIGHT(E26,1),"")</f>
        <v/>
      </c>
      <c r="AT26" s="836"/>
      <c r="AU26" s="836"/>
      <c r="AV26" s="837"/>
      <c r="AW26" s="839"/>
      <c r="AX26" s="840"/>
      <c r="AY26" s="840"/>
      <c r="AZ26" s="840"/>
      <c r="BA26" s="840"/>
      <c r="BB26" s="840"/>
      <c r="BC26" s="72" t="s">
        <v>13</v>
      </c>
      <c r="BD26" s="203"/>
      <c r="BE26" s="203"/>
      <c r="BF26" s="208">
        <v>18</v>
      </c>
      <c r="BG26" s="329"/>
      <c r="BH26" s="1"/>
      <c r="BI26" s="1"/>
      <c r="BJ26" s="1"/>
    </row>
    <row r="27" spans="1:62" s="269" customFormat="1" ht="28.5" customHeight="1" x14ac:dyDescent="0.2">
      <c r="A27" s="825"/>
      <c r="B27" s="826"/>
      <c r="C27" s="827"/>
      <c r="D27" s="827"/>
      <c r="E27" s="838"/>
      <c r="F27" s="838"/>
      <c r="G27" s="838"/>
      <c r="H27" s="838"/>
      <c r="I27" s="838"/>
      <c r="J27" s="838"/>
      <c r="K27" s="838"/>
      <c r="L27" s="838"/>
      <c r="M27" s="838"/>
      <c r="N27" s="601" t="str">
        <f>IF(E27="","",IFERROR(VLOOKUP(E27,製品リスト!$A$4:$C$1000,2,0),"SII登録型番を正しく入力してください"))</f>
        <v/>
      </c>
      <c r="O27" s="601"/>
      <c r="P27" s="601"/>
      <c r="Q27" s="601"/>
      <c r="R27" s="601"/>
      <c r="S27" s="601"/>
      <c r="T27" s="601"/>
      <c r="U27" s="601"/>
      <c r="V27" s="601"/>
      <c r="W27" s="601"/>
      <c r="X27" s="601"/>
      <c r="Y27" s="601"/>
      <c r="Z27" s="601"/>
      <c r="AA27" s="601"/>
      <c r="AB27" s="601" t="str">
        <f>IF(E27="","",IFERROR(VLOOKUP(E27,製品リスト!$A$4:$C$1000,3,0),"SII登録型番を正しく入力してください"))</f>
        <v/>
      </c>
      <c r="AC27" s="601"/>
      <c r="AD27" s="601"/>
      <c r="AE27" s="601"/>
      <c r="AF27" s="601"/>
      <c r="AG27" s="601"/>
      <c r="AH27" s="601"/>
      <c r="AI27" s="601"/>
      <c r="AJ27" s="601"/>
      <c r="AK27" s="601"/>
      <c r="AL27" s="601"/>
      <c r="AM27" s="601"/>
      <c r="AN27" s="601"/>
      <c r="AO27" s="601"/>
      <c r="AP27" s="601"/>
      <c r="AQ27" s="601"/>
      <c r="AR27" s="601"/>
      <c r="AS27" s="835" t="str">
        <f t="shared" si="4"/>
        <v/>
      </c>
      <c r="AT27" s="836"/>
      <c r="AU27" s="836"/>
      <c r="AV27" s="837"/>
      <c r="AW27" s="839"/>
      <c r="AX27" s="840"/>
      <c r="AY27" s="840"/>
      <c r="AZ27" s="840"/>
      <c r="BA27" s="840"/>
      <c r="BB27" s="840"/>
      <c r="BC27" s="72" t="s">
        <v>13</v>
      </c>
      <c r="BD27" s="203"/>
      <c r="BE27" s="203"/>
      <c r="BF27" s="208">
        <v>19</v>
      </c>
      <c r="BG27" s="329"/>
      <c r="BH27" s="1"/>
      <c r="BI27" s="1"/>
      <c r="BJ27" s="1"/>
    </row>
    <row r="28" spans="1:62" s="269" customFormat="1" ht="28.5" customHeight="1" x14ac:dyDescent="0.2">
      <c r="A28" s="825"/>
      <c r="B28" s="826"/>
      <c r="C28" s="827"/>
      <c r="D28" s="827"/>
      <c r="E28" s="838"/>
      <c r="F28" s="838"/>
      <c r="G28" s="838"/>
      <c r="H28" s="838"/>
      <c r="I28" s="838"/>
      <c r="J28" s="838"/>
      <c r="K28" s="838"/>
      <c r="L28" s="838"/>
      <c r="M28" s="838"/>
      <c r="N28" s="601" t="str">
        <f>IF(E28="","",IFERROR(VLOOKUP(E28,製品リスト!$A$4:$C$1000,2,0),"SII登録型番を正しく入力してください"))</f>
        <v/>
      </c>
      <c r="O28" s="601"/>
      <c r="P28" s="601"/>
      <c r="Q28" s="601"/>
      <c r="R28" s="601"/>
      <c r="S28" s="601"/>
      <c r="T28" s="601"/>
      <c r="U28" s="601"/>
      <c r="V28" s="601"/>
      <c r="W28" s="601"/>
      <c r="X28" s="601"/>
      <c r="Y28" s="601"/>
      <c r="Z28" s="601"/>
      <c r="AA28" s="601"/>
      <c r="AB28" s="601" t="str">
        <f>IF(E28="","",IFERROR(VLOOKUP(E28,製品リスト!$A$4:$C$1000,3,0),"SII登録型番を正しく入力してください"))</f>
        <v/>
      </c>
      <c r="AC28" s="601"/>
      <c r="AD28" s="601"/>
      <c r="AE28" s="601"/>
      <c r="AF28" s="601"/>
      <c r="AG28" s="601"/>
      <c r="AH28" s="601"/>
      <c r="AI28" s="601"/>
      <c r="AJ28" s="601"/>
      <c r="AK28" s="601"/>
      <c r="AL28" s="601"/>
      <c r="AM28" s="601"/>
      <c r="AN28" s="601"/>
      <c r="AO28" s="601"/>
      <c r="AP28" s="601"/>
      <c r="AQ28" s="601"/>
      <c r="AR28" s="601"/>
      <c r="AS28" s="835" t="str">
        <f t="shared" si="4"/>
        <v/>
      </c>
      <c r="AT28" s="836"/>
      <c r="AU28" s="836"/>
      <c r="AV28" s="837"/>
      <c r="AW28" s="839"/>
      <c r="AX28" s="840"/>
      <c r="AY28" s="840"/>
      <c r="AZ28" s="840"/>
      <c r="BA28" s="840"/>
      <c r="BB28" s="840"/>
      <c r="BC28" s="72" t="s">
        <v>13</v>
      </c>
      <c r="BD28" s="203"/>
      <c r="BE28" s="203"/>
      <c r="BF28" s="208">
        <v>20</v>
      </c>
      <c r="BG28" s="329"/>
      <c r="BH28" s="1"/>
      <c r="BI28" s="1"/>
      <c r="BJ28" s="1"/>
    </row>
    <row r="29" spans="1:62" s="269" customFormat="1" ht="28.5" customHeight="1" x14ac:dyDescent="0.2">
      <c r="A29" s="825"/>
      <c r="B29" s="826"/>
      <c r="C29" s="827"/>
      <c r="D29" s="827"/>
      <c r="E29" s="838"/>
      <c r="F29" s="838"/>
      <c r="G29" s="838"/>
      <c r="H29" s="838"/>
      <c r="I29" s="838"/>
      <c r="J29" s="838"/>
      <c r="K29" s="838"/>
      <c r="L29" s="838"/>
      <c r="M29" s="838"/>
      <c r="N29" s="601" t="str">
        <f>IF(E29="","",IFERROR(VLOOKUP(E29,製品リスト!$A$4:$C$1000,2,0),"SII登録型番を正しく入力してください"))</f>
        <v/>
      </c>
      <c r="O29" s="601"/>
      <c r="P29" s="601"/>
      <c r="Q29" s="601"/>
      <c r="R29" s="601"/>
      <c r="S29" s="601"/>
      <c r="T29" s="601"/>
      <c r="U29" s="601"/>
      <c r="V29" s="601"/>
      <c r="W29" s="601"/>
      <c r="X29" s="601"/>
      <c r="Y29" s="601"/>
      <c r="Z29" s="601"/>
      <c r="AA29" s="601"/>
      <c r="AB29" s="601" t="str">
        <f>IF(E29="","",IFERROR(VLOOKUP(E29,製品リスト!$A$4:$C$1000,3,0),"SII登録型番を正しく入力してください"))</f>
        <v/>
      </c>
      <c r="AC29" s="601"/>
      <c r="AD29" s="601"/>
      <c r="AE29" s="601"/>
      <c r="AF29" s="601"/>
      <c r="AG29" s="601"/>
      <c r="AH29" s="601"/>
      <c r="AI29" s="601"/>
      <c r="AJ29" s="601"/>
      <c r="AK29" s="601"/>
      <c r="AL29" s="601"/>
      <c r="AM29" s="601"/>
      <c r="AN29" s="601"/>
      <c r="AO29" s="601"/>
      <c r="AP29" s="601"/>
      <c r="AQ29" s="601"/>
      <c r="AR29" s="601"/>
      <c r="AS29" s="835" t="str">
        <f t="shared" si="4"/>
        <v/>
      </c>
      <c r="AT29" s="836"/>
      <c r="AU29" s="836"/>
      <c r="AV29" s="837"/>
      <c r="AW29" s="839"/>
      <c r="AX29" s="840"/>
      <c r="AY29" s="840"/>
      <c r="AZ29" s="840"/>
      <c r="BA29" s="840"/>
      <c r="BB29" s="840"/>
      <c r="BC29" s="72" t="s">
        <v>13</v>
      </c>
      <c r="BD29" s="203"/>
      <c r="BE29" s="203"/>
      <c r="BF29" s="208">
        <v>21</v>
      </c>
      <c r="BG29" s="329"/>
      <c r="BH29" s="1"/>
      <c r="BI29" s="1"/>
      <c r="BJ29" s="1"/>
    </row>
    <row r="30" spans="1:62" s="269" customFormat="1" ht="28.5" customHeight="1" x14ac:dyDescent="0.2">
      <c r="A30" s="825"/>
      <c r="B30" s="826"/>
      <c r="C30" s="827"/>
      <c r="D30" s="827"/>
      <c r="E30" s="838"/>
      <c r="F30" s="838"/>
      <c r="G30" s="838"/>
      <c r="H30" s="838"/>
      <c r="I30" s="838"/>
      <c r="J30" s="838"/>
      <c r="K30" s="838"/>
      <c r="L30" s="838"/>
      <c r="M30" s="838"/>
      <c r="N30" s="601" t="str">
        <f>IF(E30="","",IFERROR(VLOOKUP(E30,製品リスト!$A$4:$C$1000,2,0),"SII登録型番を正しく入力してください"))</f>
        <v/>
      </c>
      <c r="O30" s="601"/>
      <c r="P30" s="601"/>
      <c r="Q30" s="601"/>
      <c r="R30" s="601"/>
      <c r="S30" s="601"/>
      <c r="T30" s="601"/>
      <c r="U30" s="601"/>
      <c r="V30" s="601"/>
      <c r="W30" s="601"/>
      <c r="X30" s="601"/>
      <c r="Y30" s="601"/>
      <c r="Z30" s="601"/>
      <c r="AA30" s="601"/>
      <c r="AB30" s="601" t="str">
        <f>IF(E30="","",IFERROR(VLOOKUP(E30,製品リスト!$A$4:$C$1000,3,0),"SII登録型番を正しく入力してください"))</f>
        <v/>
      </c>
      <c r="AC30" s="601"/>
      <c r="AD30" s="601"/>
      <c r="AE30" s="601"/>
      <c r="AF30" s="601"/>
      <c r="AG30" s="601"/>
      <c r="AH30" s="601"/>
      <c r="AI30" s="601"/>
      <c r="AJ30" s="601"/>
      <c r="AK30" s="601"/>
      <c r="AL30" s="601"/>
      <c r="AM30" s="601"/>
      <c r="AN30" s="601"/>
      <c r="AO30" s="601"/>
      <c r="AP30" s="601"/>
      <c r="AQ30" s="601"/>
      <c r="AR30" s="601"/>
      <c r="AS30" s="835" t="str">
        <f t="shared" si="4"/>
        <v/>
      </c>
      <c r="AT30" s="836"/>
      <c r="AU30" s="836"/>
      <c r="AV30" s="837"/>
      <c r="AW30" s="839"/>
      <c r="AX30" s="840"/>
      <c r="AY30" s="840"/>
      <c r="AZ30" s="840"/>
      <c r="BA30" s="840"/>
      <c r="BB30" s="840"/>
      <c r="BC30" s="72" t="s">
        <v>13</v>
      </c>
      <c r="BD30" s="203"/>
      <c r="BE30" s="203"/>
      <c r="BF30" s="208">
        <v>22</v>
      </c>
      <c r="BG30" s="329"/>
      <c r="BH30" s="1"/>
      <c r="BI30" s="1"/>
      <c r="BJ30" s="1"/>
    </row>
    <row r="31" spans="1:62" s="269" customFormat="1" ht="28.5" customHeight="1" x14ac:dyDescent="0.2">
      <c r="A31" s="825"/>
      <c r="B31" s="826"/>
      <c r="C31" s="827"/>
      <c r="D31" s="827"/>
      <c r="E31" s="838"/>
      <c r="F31" s="838"/>
      <c r="G31" s="838"/>
      <c r="H31" s="838"/>
      <c r="I31" s="838"/>
      <c r="J31" s="838"/>
      <c r="K31" s="838"/>
      <c r="L31" s="838"/>
      <c r="M31" s="838"/>
      <c r="N31" s="601" t="str">
        <f>IF(E31="","",IFERROR(VLOOKUP(E31,製品リスト!$A$4:$C$1000,2,0),"SII登録型番を正しく入力してください"))</f>
        <v/>
      </c>
      <c r="O31" s="601"/>
      <c r="P31" s="601"/>
      <c r="Q31" s="601"/>
      <c r="R31" s="601"/>
      <c r="S31" s="601"/>
      <c r="T31" s="601"/>
      <c r="U31" s="601"/>
      <c r="V31" s="601"/>
      <c r="W31" s="601"/>
      <c r="X31" s="601"/>
      <c r="Y31" s="601"/>
      <c r="Z31" s="601"/>
      <c r="AA31" s="601"/>
      <c r="AB31" s="601" t="str">
        <f>IF(E31="","",IFERROR(VLOOKUP(E31,製品リスト!$A$4:$C$1000,3,0),"SII登録型番を正しく入力してください"))</f>
        <v/>
      </c>
      <c r="AC31" s="601"/>
      <c r="AD31" s="601"/>
      <c r="AE31" s="601"/>
      <c r="AF31" s="601"/>
      <c r="AG31" s="601"/>
      <c r="AH31" s="601"/>
      <c r="AI31" s="601"/>
      <c r="AJ31" s="601"/>
      <c r="AK31" s="601"/>
      <c r="AL31" s="601"/>
      <c r="AM31" s="601"/>
      <c r="AN31" s="601"/>
      <c r="AO31" s="601"/>
      <c r="AP31" s="601"/>
      <c r="AQ31" s="601"/>
      <c r="AR31" s="601"/>
      <c r="AS31" s="835" t="str">
        <f t="shared" si="3"/>
        <v/>
      </c>
      <c r="AT31" s="836"/>
      <c r="AU31" s="836"/>
      <c r="AV31" s="837"/>
      <c r="AW31" s="839"/>
      <c r="AX31" s="840"/>
      <c r="AY31" s="840"/>
      <c r="AZ31" s="840"/>
      <c r="BA31" s="840"/>
      <c r="BB31" s="840"/>
      <c r="BC31" s="72" t="s">
        <v>13</v>
      </c>
      <c r="BD31" s="203"/>
      <c r="BE31" s="203"/>
      <c r="BF31" s="208">
        <v>23</v>
      </c>
      <c r="BG31" s="329"/>
      <c r="BH31" s="1"/>
      <c r="BI31" s="1"/>
      <c r="BJ31" s="1"/>
    </row>
    <row r="32" spans="1:62" s="269" customFormat="1" ht="28.5" customHeight="1" x14ac:dyDescent="0.2">
      <c r="A32" s="825"/>
      <c r="B32" s="826"/>
      <c r="C32" s="827"/>
      <c r="D32" s="827"/>
      <c r="E32" s="838"/>
      <c r="F32" s="838"/>
      <c r="G32" s="838"/>
      <c r="H32" s="838"/>
      <c r="I32" s="838"/>
      <c r="J32" s="838"/>
      <c r="K32" s="838"/>
      <c r="L32" s="838"/>
      <c r="M32" s="838"/>
      <c r="N32" s="601" t="str">
        <f>IF(E32="","",IFERROR(VLOOKUP(E32,製品リスト!$A$4:$C$1000,2,0),"SII登録型番を正しく入力してください"))</f>
        <v/>
      </c>
      <c r="O32" s="601"/>
      <c r="P32" s="601"/>
      <c r="Q32" s="601"/>
      <c r="R32" s="601"/>
      <c r="S32" s="601"/>
      <c r="T32" s="601"/>
      <c r="U32" s="601"/>
      <c r="V32" s="601"/>
      <c r="W32" s="601"/>
      <c r="X32" s="601"/>
      <c r="Y32" s="601"/>
      <c r="Z32" s="601"/>
      <c r="AA32" s="601"/>
      <c r="AB32" s="601" t="str">
        <f>IF(E32="","",IFERROR(VLOOKUP(E32,製品リスト!$A$4:$C$1000,3,0),"SII登録型番を正しく入力してください"))</f>
        <v/>
      </c>
      <c r="AC32" s="601"/>
      <c r="AD32" s="601"/>
      <c r="AE32" s="601"/>
      <c r="AF32" s="601"/>
      <c r="AG32" s="601"/>
      <c r="AH32" s="601"/>
      <c r="AI32" s="601"/>
      <c r="AJ32" s="601"/>
      <c r="AK32" s="601"/>
      <c r="AL32" s="601"/>
      <c r="AM32" s="601"/>
      <c r="AN32" s="601"/>
      <c r="AO32" s="601"/>
      <c r="AP32" s="601"/>
      <c r="AQ32" s="601"/>
      <c r="AR32" s="601"/>
      <c r="AS32" s="835" t="str">
        <f t="shared" ref="AS32" si="5">IF(E32&lt;&gt;"", RIGHT(E32,1),"")</f>
        <v/>
      </c>
      <c r="AT32" s="836"/>
      <c r="AU32" s="836"/>
      <c r="AV32" s="837"/>
      <c r="AW32" s="839"/>
      <c r="AX32" s="840"/>
      <c r="AY32" s="840"/>
      <c r="AZ32" s="840"/>
      <c r="BA32" s="840"/>
      <c r="BB32" s="840"/>
      <c r="BC32" s="72" t="s">
        <v>13</v>
      </c>
      <c r="BD32" s="203"/>
      <c r="BE32" s="203"/>
      <c r="BF32" s="208">
        <v>24</v>
      </c>
      <c r="BG32" s="329"/>
      <c r="BH32" s="1"/>
      <c r="BI32" s="1"/>
      <c r="BJ32" s="1"/>
    </row>
    <row r="33" spans="1:62" s="269" customFormat="1" ht="28.5" customHeight="1" x14ac:dyDescent="0.2">
      <c r="A33" s="825"/>
      <c r="B33" s="826"/>
      <c r="C33" s="827"/>
      <c r="D33" s="827"/>
      <c r="E33" s="838"/>
      <c r="F33" s="838"/>
      <c r="G33" s="838"/>
      <c r="H33" s="838"/>
      <c r="I33" s="838"/>
      <c r="J33" s="838"/>
      <c r="K33" s="838"/>
      <c r="L33" s="838"/>
      <c r="M33" s="838"/>
      <c r="N33" s="601" t="str">
        <f>IF(E33="","",IFERROR(VLOOKUP(E33,製品リスト!$A$4:$C$1000,2,0),"SII登録型番を正しく入力してください"))</f>
        <v/>
      </c>
      <c r="O33" s="601"/>
      <c r="P33" s="601"/>
      <c r="Q33" s="601"/>
      <c r="R33" s="601"/>
      <c r="S33" s="601"/>
      <c r="T33" s="601"/>
      <c r="U33" s="601"/>
      <c r="V33" s="601"/>
      <c r="W33" s="601"/>
      <c r="X33" s="601"/>
      <c r="Y33" s="601"/>
      <c r="Z33" s="601"/>
      <c r="AA33" s="601"/>
      <c r="AB33" s="601" t="str">
        <f>IF(E33="","",IFERROR(VLOOKUP(E33,製品リスト!$A$4:$C$1000,3,0),"SII登録型番を正しく入力してください"))</f>
        <v/>
      </c>
      <c r="AC33" s="601"/>
      <c r="AD33" s="601"/>
      <c r="AE33" s="601"/>
      <c r="AF33" s="601"/>
      <c r="AG33" s="601"/>
      <c r="AH33" s="601"/>
      <c r="AI33" s="601"/>
      <c r="AJ33" s="601"/>
      <c r="AK33" s="601"/>
      <c r="AL33" s="601"/>
      <c r="AM33" s="601"/>
      <c r="AN33" s="601"/>
      <c r="AO33" s="601"/>
      <c r="AP33" s="601"/>
      <c r="AQ33" s="601"/>
      <c r="AR33" s="601"/>
      <c r="AS33" s="835" t="str">
        <f t="shared" ref="AS33:AS34" si="6">IF(E33&lt;&gt;"", RIGHT(E33,1),"")</f>
        <v/>
      </c>
      <c r="AT33" s="836"/>
      <c r="AU33" s="836"/>
      <c r="AV33" s="837"/>
      <c r="AW33" s="839"/>
      <c r="AX33" s="840"/>
      <c r="AY33" s="840"/>
      <c r="AZ33" s="840"/>
      <c r="BA33" s="840"/>
      <c r="BB33" s="840"/>
      <c r="BC33" s="72" t="s">
        <v>13</v>
      </c>
      <c r="BD33" s="203"/>
      <c r="BE33" s="203"/>
      <c r="BF33" s="208">
        <v>25</v>
      </c>
      <c r="BG33" s="329"/>
      <c r="BH33" s="1"/>
      <c r="BI33" s="1"/>
      <c r="BJ33" s="1"/>
    </row>
    <row r="34" spans="1:62" s="269" customFormat="1" ht="28.5" customHeight="1" x14ac:dyDescent="0.2">
      <c r="A34" s="825"/>
      <c r="B34" s="826"/>
      <c r="C34" s="827"/>
      <c r="D34" s="827"/>
      <c r="E34" s="838"/>
      <c r="F34" s="838"/>
      <c r="G34" s="838"/>
      <c r="H34" s="838"/>
      <c r="I34" s="838"/>
      <c r="J34" s="838"/>
      <c r="K34" s="838"/>
      <c r="L34" s="838"/>
      <c r="M34" s="838"/>
      <c r="N34" s="601" t="str">
        <f>IF(E34="","",IFERROR(VLOOKUP(E34,製品リスト!$A$4:$C$1000,2,0),"SII登録型番を正しく入力してください"))</f>
        <v/>
      </c>
      <c r="O34" s="601"/>
      <c r="P34" s="601"/>
      <c r="Q34" s="601"/>
      <c r="R34" s="601"/>
      <c r="S34" s="601"/>
      <c r="T34" s="601"/>
      <c r="U34" s="601"/>
      <c r="V34" s="601"/>
      <c r="W34" s="601"/>
      <c r="X34" s="601"/>
      <c r="Y34" s="601"/>
      <c r="Z34" s="601"/>
      <c r="AA34" s="601"/>
      <c r="AB34" s="601" t="str">
        <f>IF(E34="","",IFERROR(VLOOKUP(E34,製品リスト!$A$4:$C$1000,3,0),"SII登録型番を正しく入力してください"))</f>
        <v/>
      </c>
      <c r="AC34" s="601"/>
      <c r="AD34" s="601"/>
      <c r="AE34" s="601"/>
      <c r="AF34" s="601"/>
      <c r="AG34" s="601"/>
      <c r="AH34" s="601"/>
      <c r="AI34" s="601"/>
      <c r="AJ34" s="601"/>
      <c r="AK34" s="601"/>
      <c r="AL34" s="601"/>
      <c r="AM34" s="601"/>
      <c r="AN34" s="601"/>
      <c r="AO34" s="601"/>
      <c r="AP34" s="601"/>
      <c r="AQ34" s="601"/>
      <c r="AR34" s="601"/>
      <c r="AS34" s="835" t="str">
        <f t="shared" si="6"/>
        <v/>
      </c>
      <c r="AT34" s="836"/>
      <c r="AU34" s="836"/>
      <c r="AV34" s="837"/>
      <c r="AW34" s="839"/>
      <c r="AX34" s="840"/>
      <c r="AY34" s="840"/>
      <c r="AZ34" s="840"/>
      <c r="BA34" s="840"/>
      <c r="BB34" s="840"/>
      <c r="BC34" s="72" t="s">
        <v>13</v>
      </c>
      <c r="BD34" s="203"/>
      <c r="BE34" s="203"/>
      <c r="BF34" s="208">
        <v>26</v>
      </c>
      <c r="BG34" s="329"/>
      <c r="BH34" s="1"/>
      <c r="BI34" s="1"/>
      <c r="BJ34" s="1"/>
    </row>
    <row r="35" spans="1:62" s="269" customFormat="1" ht="28.5" customHeight="1" x14ac:dyDescent="0.2">
      <c r="A35" s="825"/>
      <c r="B35" s="826"/>
      <c r="C35" s="827"/>
      <c r="D35" s="827"/>
      <c r="E35" s="838"/>
      <c r="F35" s="838"/>
      <c r="G35" s="838"/>
      <c r="H35" s="838"/>
      <c r="I35" s="838"/>
      <c r="J35" s="838"/>
      <c r="K35" s="838"/>
      <c r="L35" s="838"/>
      <c r="M35" s="838"/>
      <c r="N35" s="601" t="str">
        <f>IF(E35="","",IFERROR(VLOOKUP(E35,製品リスト!$A$4:$C$1000,2,0),"SII登録型番を正しく入力してください"))</f>
        <v/>
      </c>
      <c r="O35" s="601"/>
      <c r="P35" s="601"/>
      <c r="Q35" s="601"/>
      <c r="R35" s="601"/>
      <c r="S35" s="601"/>
      <c r="T35" s="601"/>
      <c r="U35" s="601"/>
      <c r="V35" s="601"/>
      <c r="W35" s="601"/>
      <c r="X35" s="601"/>
      <c r="Y35" s="601"/>
      <c r="Z35" s="601"/>
      <c r="AA35" s="601"/>
      <c r="AB35" s="601" t="str">
        <f>IF(E35="","",IFERROR(VLOOKUP(E35,製品リスト!$A$4:$C$1000,3,0),"SII登録型番を正しく入力してください"))</f>
        <v/>
      </c>
      <c r="AC35" s="601"/>
      <c r="AD35" s="601"/>
      <c r="AE35" s="601"/>
      <c r="AF35" s="601"/>
      <c r="AG35" s="601"/>
      <c r="AH35" s="601"/>
      <c r="AI35" s="601"/>
      <c r="AJ35" s="601"/>
      <c r="AK35" s="601"/>
      <c r="AL35" s="601"/>
      <c r="AM35" s="601"/>
      <c r="AN35" s="601"/>
      <c r="AO35" s="601"/>
      <c r="AP35" s="601"/>
      <c r="AQ35" s="601"/>
      <c r="AR35" s="601"/>
      <c r="AS35" s="835" t="str">
        <f t="shared" si="3"/>
        <v/>
      </c>
      <c r="AT35" s="836"/>
      <c r="AU35" s="836"/>
      <c r="AV35" s="837"/>
      <c r="AW35" s="839"/>
      <c r="AX35" s="840"/>
      <c r="AY35" s="840"/>
      <c r="AZ35" s="840"/>
      <c r="BA35" s="840"/>
      <c r="BB35" s="840"/>
      <c r="BC35" s="72" t="s">
        <v>13</v>
      </c>
      <c r="BD35" s="203"/>
      <c r="BE35" s="203"/>
      <c r="BF35" s="208">
        <v>27</v>
      </c>
      <c r="BG35" s="329"/>
      <c r="BH35" s="1"/>
      <c r="BI35" s="1"/>
      <c r="BJ35" s="1"/>
    </row>
    <row r="36" spans="1:62" s="269" customFormat="1" ht="28.5" customHeight="1" x14ac:dyDescent="0.2">
      <c r="A36" s="825"/>
      <c r="B36" s="826"/>
      <c r="C36" s="827"/>
      <c r="D36" s="827"/>
      <c r="E36" s="838"/>
      <c r="F36" s="838"/>
      <c r="G36" s="838"/>
      <c r="H36" s="838"/>
      <c r="I36" s="838"/>
      <c r="J36" s="838"/>
      <c r="K36" s="838"/>
      <c r="L36" s="838"/>
      <c r="M36" s="838"/>
      <c r="N36" s="601" t="str">
        <f>IF(E36="","",IFERROR(VLOOKUP(E36,製品リスト!$A$4:$C$1000,2,0),"SII登録型番を正しく入力してください"))</f>
        <v/>
      </c>
      <c r="O36" s="601"/>
      <c r="P36" s="601"/>
      <c r="Q36" s="601"/>
      <c r="R36" s="601"/>
      <c r="S36" s="601"/>
      <c r="T36" s="601"/>
      <c r="U36" s="601"/>
      <c r="V36" s="601"/>
      <c r="W36" s="601"/>
      <c r="X36" s="601"/>
      <c r="Y36" s="601"/>
      <c r="Z36" s="601"/>
      <c r="AA36" s="601"/>
      <c r="AB36" s="601" t="str">
        <f>IF(E36="","",IFERROR(VLOOKUP(E36,製品リスト!$A$4:$C$1000,3,0),"SII登録型番を正しく入力してください"))</f>
        <v/>
      </c>
      <c r="AC36" s="601"/>
      <c r="AD36" s="601"/>
      <c r="AE36" s="601"/>
      <c r="AF36" s="601"/>
      <c r="AG36" s="601"/>
      <c r="AH36" s="601"/>
      <c r="AI36" s="601"/>
      <c r="AJ36" s="601"/>
      <c r="AK36" s="601"/>
      <c r="AL36" s="601"/>
      <c r="AM36" s="601"/>
      <c r="AN36" s="601"/>
      <c r="AO36" s="601"/>
      <c r="AP36" s="601"/>
      <c r="AQ36" s="601"/>
      <c r="AR36" s="601"/>
      <c r="AS36" s="835" t="str">
        <f t="shared" si="3"/>
        <v/>
      </c>
      <c r="AT36" s="836"/>
      <c r="AU36" s="836"/>
      <c r="AV36" s="837"/>
      <c r="AW36" s="839"/>
      <c r="AX36" s="840"/>
      <c r="AY36" s="840"/>
      <c r="AZ36" s="840"/>
      <c r="BA36" s="840"/>
      <c r="BB36" s="840"/>
      <c r="BC36" s="72" t="s">
        <v>13</v>
      </c>
      <c r="BD36" s="203"/>
      <c r="BE36" s="203"/>
      <c r="BF36" s="208">
        <v>28</v>
      </c>
      <c r="BG36" s="329"/>
      <c r="BH36" s="1"/>
      <c r="BI36" s="1"/>
      <c r="BJ36" s="1"/>
    </row>
    <row r="37" spans="1:62" s="269" customFormat="1" ht="28.5" customHeight="1" x14ac:dyDescent="0.2">
      <c r="A37" s="825"/>
      <c r="B37" s="826"/>
      <c r="C37" s="827"/>
      <c r="D37" s="827"/>
      <c r="E37" s="838"/>
      <c r="F37" s="838"/>
      <c r="G37" s="838"/>
      <c r="H37" s="838"/>
      <c r="I37" s="838"/>
      <c r="J37" s="838"/>
      <c r="K37" s="838"/>
      <c r="L37" s="838"/>
      <c r="M37" s="838"/>
      <c r="N37" s="601" t="str">
        <f>IF(E37="","",IFERROR(VLOOKUP(E37,製品リスト!$A$4:$C$1000,2,0),"SII登録型番を正しく入力してください"))</f>
        <v/>
      </c>
      <c r="O37" s="601"/>
      <c r="P37" s="601"/>
      <c r="Q37" s="601"/>
      <c r="R37" s="601"/>
      <c r="S37" s="601"/>
      <c r="T37" s="601"/>
      <c r="U37" s="601"/>
      <c r="V37" s="601"/>
      <c r="W37" s="601"/>
      <c r="X37" s="601"/>
      <c r="Y37" s="601"/>
      <c r="Z37" s="601"/>
      <c r="AA37" s="601"/>
      <c r="AB37" s="601" t="str">
        <f>IF(E37="","",IFERROR(VLOOKUP(E37,製品リスト!$A$4:$C$1000,3,0),"SII登録型番を正しく入力してください"))</f>
        <v/>
      </c>
      <c r="AC37" s="601"/>
      <c r="AD37" s="601"/>
      <c r="AE37" s="601"/>
      <c r="AF37" s="601"/>
      <c r="AG37" s="601"/>
      <c r="AH37" s="601"/>
      <c r="AI37" s="601"/>
      <c r="AJ37" s="601"/>
      <c r="AK37" s="601"/>
      <c r="AL37" s="601"/>
      <c r="AM37" s="601"/>
      <c r="AN37" s="601"/>
      <c r="AO37" s="601"/>
      <c r="AP37" s="601"/>
      <c r="AQ37" s="601"/>
      <c r="AR37" s="601"/>
      <c r="AS37" s="835" t="str">
        <f t="shared" si="3"/>
        <v/>
      </c>
      <c r="AT37" s="836"/>
      <c r="AU37" s="836"/>
      <c r="AV37" s="837"/>
      <c r="AW37" s="839"/>
      <c r="AX37" s="840"/>
      <c r="AY37" s="840"/>
      <c r="AZ37" s="840"/>
      <c r="BA37" s="840"/>
      <c r="BB37" s="840"/>
      <c r="BC37" s="72" t="s">
        <v>13</v>
      </c>
      <c r="BD37" s="203"/>
      <c r="BE37" s="203"/>
      <c r="BF37" s="208">
        <v>29</v>
      </c>
      <c r="BG37" s="329"/>
      <c r="BH37" s="1"/>
      <c r="BI37" s="1"/>
      <c r="BJ37" s="1"/>
    </row>
    <row r="38" spans="1:62" s="269" customFormat="1" ht="28.5" customHeight="1" x14ac:dyDescent="0.2">
      <c r="A38" s="828"/>
      <c r="B38" s="829"/>
      <c r="C38" s="830"/>
      <c r="D38" s="830"/>
      <c r="E38" s="912"/>
      <c r="F38" s="913"/>
      <c r="G38" s="913"/>
      <c r="H38" s="913"/>
      <c r="I38" s="913"/>
      <c r="J38" s="913"/>
      <c r="K38" s="913"/>
      <c r="L38" s="913"/>
      <c r="M38" s="914"/>
      <c r="N38" s="915" t="str">
        <f>IF(E38="","",IFERROR(VLOOKUP(E38,製品リスト!$A$4:$C$1000,2,0),"SII登録型番を正しく入力してください"))</f>
        <v/>
      </c>
      <c r="O38" s="916"/>
      <c r="P38" s="916"/>
      <c r="Q38" s="916"/>
      <c r="R38" s="916"/>
      <c r="S38" s="916"/>
      <c r="T38" s="916"/>
      <c r="U38" s="916"/>
      <c r="V38" s="916"/>
      <c r="W38" s="916"/>
      <c r="X38" s="916"/>
      <c r="Y38" s="916"/>
      <c r="Z38" s="916"/>
      <c r="AA38" s="917"/>
      <c r="AB38" s="915" t="str">
        <f>IF(E38="","",IFERROR(VLOOKUP(E38,製品リスト!$A$4:$C$1000,3,0),"SII登録型番を正しく入力してください"))</f>
        <v/>
      </c>
      <c r="AC38" s="916"/>
      <c r="AD38" s="916"/>
      <c r="AE38" s="916"/>
      <c r="AF38" s="916"/>
      <c r="AG38" s="916"/>
      <c r="AH38" s="916"/>
      <c r="AI38" s="916"/>
      <c r="AJ38" s="916"/>
      <c r="AK38" s="916"/>
      <c r="AL38" s="916"/>
      <c r="AM38" s="916"/>
      <c r="AN38" s="916"/>
      <c r="AO38" s="916"/>
      <c r="AP38" s="916"/>
      <c r="AQ38" s="916"/>
      <c r="AR38" s="917"/>
      <c r="AS38" s="909" t="str">
        <f t="shared" si="3"/>
        <v/>
      </c>
      <c r="AT38" s="910"/>
      <c r="AU38" s="910"/>
      <c r="AV38" s="911"/>
      <c r="AW38" s="907"/>
      <c r="AX38" s="908"/>
      <c r="AY38" s="908"/>
      <c r="AZ38" s="908"/>
      <c r="BA38" s="908"/>
      <c r="BB38" s="908"/>
      <c r="BC38" s="75" t="s">
        <v>13</v>
      </c>
      <c r="BD38" s="205"/>
      <c r="BE38" s="203"/>
      <c r="BF38" s="208">
        <v>30</v>
      </c>
      <c r="BG38" s="329"/>
      <c r="BH38" s="1"/>
      <c r="BI38" s="1"/>
      <c r="BJ38" s="1"/>
    </row>
    <row r="39" spans="1:62" ht="29.25" customHeight="1" x14ac:dyDescent="0.2">
      <c r="A39" s="825" t="s">
        <v>63</v>
      </c>
      <c r="B39" s="826"/>
      <c r="C39" s="827"/>
      <c r="D39" s="827"/>
      <c r="E39" s="854"/>
      <c r="F39" s="854"/>
      <c r="G39" s="854"/>
      <c r="H39" s="854"/>
      <c r="I39" s="854"/>
      <c r="J39" s="854"/>
      <c r="K39" s="854"/>
      <c r="L39" s="854"/>
      <c r="M39" s="854"/>
      <c r="N39" s="612" t="str">
        <f>IF(E39="","",IFERROR(VLOOKUP(E39,製品リスト!$A$4:$C$1000,2,0),"SII登録型番を正しく入力してください"))</f>
        <v/>
      </c>
      <c r="O39" s="612"/>
      <c r="P39" s="612"/>
      <c r="Q39" s="612"/>
      <c r="R39" s="612"/>
      <c r="S39" s="612"/>
      <c r="T39" s="612"/>
      <c r="U39" s="612"/>
      <c r="V39" s="612"/>
      <c r="W39" s="612"/>
      <c r="X39" s="612"/>
      <c r="Y39" s="612"/>
      <c r="Z39" s="612"/>
      <c r="AA39" s="612"/>
      <c r="AB39" s="612" t="str">
        <f>IF(E39="","",IFERROR(VLOOKUP(E39,製品リスト!$A$4:$C$1000,3,0),"SII登録型番を正しく入力してください"))</f>
        <v/>
      </c>
      <c r="AC39" s="612"/>
      <c r="AD39" s="612"/>
      <c r="AE39" s="612"/>
      <c r="AF39" s="612"/>
      <c r="AG39" s="612"/>
      <c r="AH39" s="612"/>
      <c r="AI39" s="612"/>
      <c r="AJ39" s="612"/>
      <c r="AK39" s="612"/>
      <c r="AL39" s="612"/>
      <c r="AM39" s="612"/>
      <c r="AN39" s="612"/>
      <c r="AO39" s="612"/>
      <c r="AP39" s="612"/>
      <c r="AQ39" s="612"/>
      <c r="AR39" s="612"/>
      <c r="AS39" s="862" t="str">
        <f t="shared" si="3"/>
        <v/>
      </c>
      <c r="AT39" s="863"/>
      <c r="AU39" s="863"/>
      <c r="AV39" s="864"/>
      <c r="AW39" s="852"/>
      <c r="AX39" s="853"/>
      <c r="AY39" s="853"/>
      <c r="AZ39" s="853"/>
      <c r="BA39" s="853"/>
      <c r="BB39" s="853"/>
      <c r="BC39" s="71" t="s">
        <v>13</v>
      </c>
      <c r="BD39" s="203"/>
      <c r="BE39" s="203"/>
      <c r="BF39" s="208">
        <v>31</v>
      </c>
      <c r="BG39" s="329"/>
    </row>
    <row r="40" spans="1:62" s="269" customFormat="1" ht="28.5" customHeight="1" x14ac:dyDescent="0.2">
      <c r="A40" s="825"/>
      <c r="B40" s="826"/>
      <c r="C40" s="827"/>
      <c r="D40" s="827"/>
      <c r="E40" s="838"/>
      <c r="F40" s="838"/>
      <c r="G40" s="838"/>
      <c r="H40" s="838"/>
      <c r="I40" s="838"/>
      <c r="J40" s="838"/>
      <c r="K40" s="838"/>
      <c r="L40" s="838"/>
      <c r="M40" s="838"/>
      <c r="N40" s="601" t="str">
        <f>IF(E40="","",IFERROR(VLOOKUP(E40,製品リスト!$A$4:$C$1000,2,0),"SII登録型番を正しく入力してください"))</f>
        <v/>
      </c>
      <c r="O40" s="601"/>
      <c r="P40" s="601"/>
      <c r="Q40" s="601"/>
      <c r="R40" s="601"/>
      <c r="S40" s="601"/>
      <c r="T40" s="601"/>
      <c r="U40" s="601"/>
      <c r="V40" s="601"/>
      <c r="W40" s="601"/>
      <c r="X40" s="601"/>
      <c r="Y40" s="601"/>
      <c r="Z40" s="601"/>
      <c r="AA40" s="601"/>
      <c r="AB40" s="601" t="str">
        <f>IF(E40="","",IFERROR(VLOOKUP(E40,製品リスト!$A$4:$C$1000,3,0),"SII登録型番を正しく入力してください"))</f>
        <v/>
      </c>
      <c r="AC40" s="601"/>
      <c r="AD40" s="601"/>
      <c r="AE40" s="601"/>
      <c r="AF40" s="601"/>
      <c r="AG40" s="601"/>
      <c r="AH40" s="601"/>
      <c r="AI40" s="601"/>
      <c r="AJ40" s="601"/>
      <c r="AK40" s="601"/>
      <c r="AL40" s="601"/>
      <c r="AM40" s="601"/>
      <c r="AN40" s="601"/>
      <c r="AO40" s="601"/>
      <c r="AP40" s="601"/>
      <c r="AQ40" s="601"/>
      <c r="AR40" s="601"/>
      <c r="AS40" s="835" t="str">
        <f t="shared" si="3"/>
        <v/>
      </c>
      <c r="AT40" s="836"/>
      <c r="AU40" s="836"/>
      <c r="AV40" s="837"/>
      <c r="AW40" s="839"/>
      <c r="AX40" s="840"/>
      <c r="AY40" s="840"/>
      <c r="AZ40" s="840"/>
      <c r="BA40" s="840"/>
      <c r="BB40" s="840"/>
      <c r="BC40" s="72" t="s">
        <v>13</v>
      </c>
      <c r="BD40" s="203"/>
      <c r="BE40" s="203"/>
      <c r="BF40" s="208">
        <v>32</v>
      </c>
      <c r="BG40" s="329"/>
      <c r="BH40" s="1"/>
      <c r="BI40" s="1"/>
      <c r="BJ40" s="1"/>
    </row>
    <row r="41" spans="1:62" s="269" customFormat="1" ht="28.5" customHeight="1" x14ac:dyDescent="0.2">
      <c r="A41" s="825"/>
      <c r="B41" s="826"/>
      <c r="C41" s="827"/>
      <c r="D41" s="827"/>
      <c r="E41" s="838"/>
      <c r="F41" s="838"/>
      <c r="G41" s="838"/>
      <c r="H41" s="838"/>
      <c r="I41" s="838"/>
      <c r="J41" s="838"/>
      <c r="K41" s="838"/>
      <c r="L41" s="838"/>
      <c r="M41" s="838"/>
      <c r="N41" s="601" t="str">
        <f>IF(E41="","",IFERROR(VLOOKUP(E41,製品リスト!$A$4:$C$1000,2,0),"SII登録型番を正しく入力してください"))</f>
        <v/>
      </c>
      <c r="O41" s="601"/>
      <c r="P41" s="601"/>
      <c r="Q41" s="601"/>
      <c r="R41" s="601"/>
      <c r="S41" s="601"/>
      <c r="T41" s="601"/>
      <c r="U41" s="601"/>
      <c r="V41" s="601"/>
      <c r="W41" s="601"/>
      <c r="X41" s="601"/>
      <c r="Y41" s="601"/>
      <c r="Z41" s="601"/>
      <c r="AA41" s="601"/>
      <c r="AB41" s="601" t="str">
        <f>IF(E41="","",IFERROR(VLOOKUP(E41,製品リスト!$A$4:$C$1000,3,0),"SII登録型番を正しく入力してください"))</f>
        <v/>
      </c>
      <c r="AC41" s="601"/>
      <c r="AD41" s="601"/>
      <c r="AE41" s="601"/>
      <c r="AF41" s="601"/>
      <c r="AG41" s="601"/>
      <c r="AH41" s="601"/>
      <c r="AI41" s="601"/>
      <c r="AJ41" s="601"/>
      <c r="AK41" s="601"/>
      <c r="AL41" s="601"/>
      <c r="AM41" s="601"/>
      <c r="AN41" s="601"/>
      <c r="AO41" s="601"/>
      <c r="AP41" s="601"/>
      <c r="AQ41" s="601"/>
      <c r="AR41" s="601"/>
      <c r="AS41" s="835" t="str">
        <f t="shared" si="3"/>
        <v/>
      </c>
      <c r="AT41" s="836"/>
      <c r="AU41" s="836"/>
      <c r="AV41" s="837"/>
      <c r="AW41" s="839"/>
      <c r="AX41" s="840"/>
      <c r="AY41" s="840"/>
      <c r="AZ41" s="840"/>
      <c r="BA41" s="840"/>
      <c r="BB41" s="840"/>
      <c r="BC41" s="72" t="s">
        <v>13</v>
      </c>
      <c r="BD41" s="203"/>
      <c r="BE41" s="203"/>
      <c r="BF41" s="208">
        <v>33</v>
      </c>
      <c r="BG41" s="329"/>
      <c r="BH41" s="1"/>
      <c r="BI41" s="1"/>
      <c r="BJ41" s="1"/>
    </row>
    <row r="42" spans="1:62" s="269" customFormat="1" ht="28.5" customHeight="1" x14ac:dyDescent="0.2">
      <c r="A42" s="825"/>
      <c r="B42" s="826"/>
      <c r="C42" s="827"/>
      <c r="D42" s="827"/>
      <c r="E42" s="838"/>
      <c r="F42" s="838"/>
      <c r="G42" s="838"/>
      <c r="H42" s="838"/>
      <c r="I42" s="838"/>
      <c r="J42" s="838"/>
      <c r="K42" s="838"/>
      <c r="L42" s="838"/>
      <c r="M42" s="838"/>
      <c r="N42" s="601" t="str">
        <f>IF(E42="","",IFERROR(VLOOKUP(E42,製品リスト!$A$4:$C$1000,2,0),"SII登録型番を正しく入力してください"))</f>
        <v/>
      </c>
      <c r="O42" s="601"/>
      <c r="P42" s="601"/>
      <c r="Q42" s="601"/>
      <c r="R42" s="601"/>
      <c r="S42" s="601"/>
      <c r="T42" s="601"/>
      <c r="U42" s="601"/>
      <c r="V42" s="601"/>
      <c r="W42" s="601"/>
      <c r="X42" s="601"/>
      <c r="Y42" s="601"/>
      <c r="Z42" s="601"/>
      <c r="AA42" s="601"/>
      <c r="AB42" s="601" t="str">
        <f>IF(E42="","",IFERROR(VLOOKUP(E42,製品リスト!$A$4:$C$1000,3,0),"SII登録型番を正しく入力してください"))</f>
        <v/>
      </c>
      <c r="AC42" s="601"/>
      <c r="AD42" s="601"/>
      <c r="AE42" s="601"/>
      <c r="AF42" s="601"/>
      <c r="AG42" s="601"/>
      <c r="AH42" s="601"/>
      <c r="AI42" s="601"/>
      <c r="AJ42" s="601"/>
      <c r="AK42" s="601"/>
      <c r="AL42" s="601"/>
      <c r="AM42" s="601"/>
      <c r="AN42" s="601"/>
      <c r="AO42" s="601"/>
      <c r="AP42" s="601"/>
      <c r="AQ42" s="601"/>
      <c r="AR42" s="601"/>
      <c r="AS42" s="835" t="str">
        <f t="shared" si="3"/>
        <v/>
      </c>
      <c r="AT42" s="836"/>
      <c r="AU42" s="836"/>
      <c r="AV42" s="837"/>
      <c r="AW42" s="839"/>
      <c r="AX42" s="840"/>
      <c r="AY42" s="840"/>
      <c r="AZ42" s="840"/>
      <c r="BA42" s="840"/>
      <c r="BB42" s="840"/>
      <c r="BC42" s="72" t="s">
        <v>13</v>
      </c>
      <c r="BD42" s="203"/>
      <c r="BE42" s="203"/>
      <c r="BF42" s="208">
        <v>34</v>
      </c>
      <c r="BG42" s="329"/>
      <c r="BH42" s="1"/>
      <c r="BI42" s="1"/>
      <c r="BJ42" s="1"/>
    </row>
    <row r="43" spans="1:62" s="269" customFormat="1" ht="28.5" customHeight="1" x14ac:dyDescent="0.2">
      <c r="A43" s="825"/>
      <c r="B43" s="826"/>
      <c r="C43" s="827"/>
      <c r="D43" s="827"/>
      <c r="E43" s="838"/>
      <c r="F43" s="838"/>
      <c r="G43" s="838"/>
      <c r="H43" s="838"/>
      <c r="I43" s="838"/>
      <c r="J43" s="838"/>
      <c r="K43" s="838"/>
      <c r="L43" s="838"/>
      <c r="M43" s="838"/>
      <c r="N43" s="601" t="str">
        <f>IF(E43="","",IFERROR(VLOOKUP(E43,製品リスト!$A$4:$C$1000,2,0),"SII登録型番を正しく入力してください"))</f>
        <v/>
      </c>
      <c r="O43" s="601"/>
      <c r="P43" s="601"/>
      <c r="Q43" s="601"/>
      <c r="R43" s="601"/>
      <c r="S43" s="601"/>
      <c r="T43" s="601"/>
      <c r="U43" s="601"/>
      <c r="V43" s="601"/>
      <c r="W43" s="601"/>
      <c r="X43" s="601"/>
      <c r="Y43" s="601"/>
      <c r="Z43" s="601"/>
      <c r="AA43" s="601"/>
      <c r="AB43" s="601" t="str">
        <f>IF(E43="","",IFERROR(VLOOKUP(E43,製品リスト!$A$4:$C$1000,3,0),"SII登録型番を正しく入力してください"))</f>
        <v/>
      </c>
      <c r="AC43" s="601"/>
      <c r="AD43" s="601"/>
      <c r="AE43" s="601"/>
      <c r="AF43" s="601"/>
      <c r="AG43" s="601"/>
      <c r="AH43" s="601"/>
      <c r="AI43" s="601"/>
      <c r="AJ43" s="601"/>
      <c r="AK43" s="601"/>
      <c r="AL43" s="601"/>
      <c r="AM43" s="601"/>
      <c r="AN43" s="601"/>
      <c r="AO43" s="601"/>
      <c r="AP43" s="601"/>
      <c r="AQ43" s="601"/>
      <c r="AR43" s="601"/>
      <c r="AS43" s="835" t="str">
        <f t="shared" ref="AS43:AS44" si="7">IF(E43&lt;&gt;"", RIGHT(E43,1),"")</f>
        <v/>
      </c>
      <c r="AT43" s="836"/>
      <c r="AU43" s="836"/>
      <c r="AV43" s="837"/>
      <c r="AW43" s="839"/>
      <c r="AX43" s="840"/>
      <c r="AY43" s="840"/>
      <c r="AZ43" s="840"/>
      <c r="BA43" s="840"/>
      <c r="BB43" s="840"/>
      <c r="BC43" s="72" t="s">
        <v>13</v>
      </c>
      <c r="BD43" s="203"/>
      <c r="BE43" s="203"/>
      <c r="BF43" s="208">
        <v>35</v>
      </c>
      <c r="BG43" s="329"/>
      <c r="BH43" s="1"/>
      <c r="BI43" s="1"/>
      <c r="BJ43" s="1"/>
    </row>
    <row r="44" spans="1:62" s="269" customFormat="1" ht="28.5" customHeight="1" x14ac:dyDescent="0.2">
      <c r="A44" s="825"/>
      <c r="B44" s="826"/>
      <c r="C44" s="827"/>
      <c r="D44" s="827"/>
      <c r="E44" s="838"/>
      <c r="F44" s="838"/>
      <c r="G44" s="838"/>
      <c r="H44" s="838"/>
      <c r="I44" s="838"/>
      <c r="J44" s="838"/>
      <c r="K44" s="838"/>
      <c r="L44" s="838"/>
      <c r="M44" s="838"/>
      <c r="N44" s="601" t="str">
        <f>IF(E44="","",IFERROR(VLOOKUP(E44,製品リスト!$A$4:$C$1000,2,0),"SII登録型番を正しく入力してください"))</f>
        <v/>
      </c>
      <c r="O44" s="601"/>
      <c r="P44" s="601"/>
      <c r="Q44" s="601"/>
      <c r="R44" s="601"/>
      <c r="S44" s="601"/>
      <c r="T44" s="601"/>
      <c r="U44" s="601"/>
      <c r="V44" s="601"/>
      <c r="W44" s="601"/>
      <c r="X44" s="601"/>
      <c r="Y44" s="601"/>
      <c r="Z44" s="601"/>
      <c r="AA44" s="601"/>
      <c r="AB44" s="601" t="str">
        <f>IF(E44="","",IFERROR(VLOOKUP(E44,製品リスト!$A$4:$C$1000,3,0),"SII登録型番を正しく入力してください"))</f>
        <v/>
      </c>
      <c r="AC44" s="601"/>
      <c r="AD44" s="601"/>
      <c r="AE44" s="601"/>
      <c r="AF44" s="601"/>
      <c r="AG44" s="601"/>
      <c r="AH44" s="601"/>
      <c r="AI44" s="601"/>
      <c r="AJ44" s="601"/>
      <c r="AK44" s="601"/>
      <c r="AL44" s="601"/>
      <c r="AM44" s="601"/>
      <c r="AN44" s="601"/>
      <c r="AO44" s="601"/>
      <c r="AP44" s="601"/>
      <c r="AQ44" s="601"/>
      <c r="AR44" s="601"/>
      <c r="AS44" s="835" t="str">
        <f t="shared" si="7"/>
        <v/>
      </c>
      <c r="AT44" s="836"/>
      <c r="AU44" s="836"/>
      <c r="AV44" s="837"/>
      <c r="AW44" s="839"/>
      <c r="AX44" s="840"/>
      <c r="AY44" s="840"/>
      <c r="AZ44" s="840"/>
      <c r="BA44" s="840"/>
      <c r="BB44" s="840"/>
      <c r="BC44" s="72" t="s">
        <v>13</v>
      </c>
      <c r="BD44" s="203"/>
      <c r="BE44" s="203"/>
      <c r="BF44" s="208">
        <v>36</v>
      </c>
      <c r="BG44" s="329"/>
      <c r="BH44" s="1"/>
      <c r="BI44" s="1"/>
      <c r="BJ44" s="1"/>
    </row>
    <row r="45" spans="1:62" s="269" customFormat="1" ht="28.5" customHeight="1" x14ac:dyDescent="0.2">
      <c r="A45" s="825"/>
      <c r="B45" s="826"/>
      <c r="C45" s="827"/>
      <c r="D45" s="827"/>
      <c r="E45" s="838"/>
      <c r="F45" s="838"/>
      <c r="G45" s="838"/>
      <c r="H45" s="838"/>
      <c r="I45" s="838"/>
      <c r="J45" s="838"/>
      <c r="K45" s="838"/>
      <c r="L45" s="838"/>
      <c r="M45" s="838"/>
      <c r="N45" s="601" t="str">
        <f>IF(E45="","",IFERROR(VLOOKUP(E45,製品リスト!$A$4:$C$1000,2,0),"SII登録型番を正しく入力してください"))</f>
        <v/>
      </c>
      <c r="O45" s="601"/>
      <c r="P45" s="601"/>
      <c r="Q45" s="601"/>
      <c r="R45" s="601"/>
      <c r="S45" s="601"/>
      <c r="T45" s="601"/>
      <c r="U45" s="601"/>
      <c r="V45" s="601"/>
      <c r="W45" s="601"/>
      <c r="X45" s="601"/>
      <c r="Y45" s="601"/>
      <c r="Z45" s="601"/>
      <c r="AA45" s="601"/>
      <c r="AB45" s="601" t="str">
        <f>IF(E45="","",IFERROR(VLOOKUP(E45,製品リスト!$A$4:$C$1000,3,0),"SII登録型番を正しく入力してください"))</f>
        <v/>
      </c>
      <c r="AC45" s="601"/>
      <c r="AD45" s="601"/>
      <c r="AE45" s="601"/>
      <c r="AF45" s="601"/>
      <c r="AG45" s="601"/>
      <c r="AH45" s="601"/>
      <c r="AI45" s="601"/>
      <c r="AJ45" s="601"/>
      <c r="AK45" s="601"/>
      <c r="AL45" s="601"/>
      <c r="AM45" s="601"/>
      <c r="AN45" s="601"/>
      <c r="AO45" s="601"/>
      <c r="AP45" s="601"/>
      <c r="AQ45" s="601"/>
      <c r="AR45" s="601"/>
      <c r="AS45" s="835" t="str">
        <f t="shared" ref="AS45:AS47" si="8">IF(E45&lt;&gt;"", RIGHT(E45,1),"")</f>
        <v/>
      </c>
      <c r="AT45" s="836"/>
      <c r="AU45" s="836"/>
      <c r="AV45" s="837"/>
      <c r="AW45" s="839"/>
      <c r="AX45" s="840"/>
      <c r="AY45" s="840"/>
      <c r="AZ45" s="840"/>
      <c r="BA45" s="840"/>
      <c r="BB45" s="840"/>
      <c r="BC45" s="72" t="s">
        <v>13</v>
      </c>
      <c r="BD45" s="203"/>
      <c r="BE45" s="203"/>
      <c r="BF45" s="208">
        <v>37</v>
      </c>
      <c r="BG45" s="329"/>
      <c r="BH45" s="1"/>
      <c r="BI45" s="1"/>
      <c r="BJ45" s="1"/>
    </row>
    <row r="46" spans="1:62" s="269" customFormat="1" ht="28.5" customHeight="1" x14ac:dyDescent="0.2">
      <c r="A46" s="825"/>
      <c r="B46" s="826"/>
      <c r="C46" s="827"/>
      <c r="D46" s="827"/>
      <c r="E46" s="838"/>
      <c r="F46" s="838"/>
      <c r="G46" s="838"/>
      <c r="H46" s="838"/>
      <c r="I46" s="838"/>
      <c r="J46" s="838"/>
      <c r="K46" s="838"/>
      <c r="L46" s="838"/>
      <c r="M46" s="838"/>
      <c r="N46" s="601" t="str">
        <f>IF(E46="","",IFERROR(VLOOKUP(E46,製品リスト!$A$4:$C$1000,2,0),"SII登録型番を正しく入力してください"))</f>
        <v/>
      </c>
      <c r="O46" s="601"/>
      <c r="P46" s="601"/>
      <c r="Q46" s="601"/>
      <c r="R46" s="601"/>
      <c r="S46" s="601"/>
      <c r="T46" s="601"/>
      <c r="U46" s="601"/>
      <c r="V46" s="601"/>
      <c r="W46" s="601"/>
      <c r="X46" s="601"/>
      <c r="Y46" s="601"/>
      <c r="Z46" s="601"/>
      <c r="AA46" s="601"/>
      <c r="AB46" s="601" t="str">
        <f>IF(E46="","",IFERROR(VLOOKUP(E46,製品リスト!$A$4:$C$1000,3,0),"SII登録型番を正しく入力してください"))</f>
        <v/>
      </c>
      <c r="AC46" s="601"/>
      <c r="AD46" s="601"/>
      <c r="AE46" s="601"/>
      <c r="AF46" s="601"/>
      <c r="AG46" s="601"/>
      <c r="AH46" s="601"/>
      <c r="AI46" s="601"/>
      <c r="AJ46" s="601"/>
      <c r="AK46" s="601"/>
      <c r="AL46" s="601"/>
      <c r="AM46" s="601"/>
      <c r="AN46" s="601"/>
      <c r="AO46" s="601"/>
      <c r="AP46" s="601"/>
      <c r="AQ46" s="601"/>
      <c r="AR46" s="601"/>
      <c r="AS46" s="835" t="str">
        <f t="shared" si="8"/>
        <v/>
      </c>
      <c r="AT46" s="836"/>
      <c r="AU46" s="836"/>
      <c r="AV46" s="837"/>
      <c r="AW46" s="839"/>
      <c r="AX46" s="840"/>
      <c r="AY46" s="840"/>
      <c r="AZ46" s="840"/>
      <c r="BA46" s="840"/>
      <c r="BB46" s="840"/>
      <c r="BC46" s="72" t="s">
        <v>13</v>
      </c>
      <c r="BD46" s="203"/>
      <c r="BE46" s="203"/>
      <c r="BF46" s="208">
        <v>38</v>
      </c>
      <c r="BG46" s="329"/>
      <c r="BH46" s="1"/>
      <c r="BI46" s="1"/>
      <c r="BJ46" s="1"/>
    </row>
    <row r="47" spans="1:62" s="269" customFormat="1" ht="28.5" customHeight="1" x14ac:dyDescent="0.2">
      <c r="A47" s="825"/>
      <c r="B47" s="826"/>
      <c r="C47" s="827"/>
      <c r="D47" s="827"/>
      <c r="E47" s="838"/>
      <c r="F47" s="838"/>
      <c r="G47" s="838"/>
      <c r="H47" s="838"/>
      <c r="I47" s="838"/>
      <c r="J47" s="838"/>
      <c r="K47" s="838"/>
      <c r="L47" s="838"/>
      <c r="M47" s="838"/>
      <c r="N47" s="601" t="str">
        <f>IF(E47="","",IFERROR(VLOOKUP(E47,製品リスト!$A$4:$C$1000,2,0),"SII登録型番を正しく入力してください"))</f>
        <v/>
      </c>
      <c r="O47" s="601"/>
      <c r="P47" s="601"/>
      <c r="Q47" s="601"/>
      <c r="R47" s="601"/>
      <c r="S47" s="601"/>
      <c r="T47" s="601"/>
      <c r="U47" s="601"/>
      <c r="V47" s="601"/>
      <c r="W47" s="601"/>
      <c r="X47" s="601"/>
      <c r="Y47" s="601"/>
      <c r="Z47" s="601"/>
      <c r="AA47" s="601"/>
      <c r="AB47" s="601" t="str">
        <f>IF(E47="","",IFERROR(VLOOKUP(E47,製品リスト!$A$4:$C$1000,3,0),"SII登録型番を正しく入力してください"))</f>
        <v/>
      </c>
      <c r="AC47" s="601"/>
      <c r="AD47" s="601"/>
      <c r="AE47" s="601"/>
      <c r="AF47" s="601"/>
      <c r="AG47" s="601"/>
      <c r="AH47" s="601"/>
      <c r="AI47" s="601"/>
      <c r="AJ47" s="601"/>
      <c r="AK47" s="601"/>
      <c r="AL47" s="601"/>
      <c r="AM47" s="601"/>
      <c r="AN47" s="601"/>
      <c r="AO47" s="601"/>
      <c r="AP47" s="601"/>
      <c r="AQ47" s="601"/>
      <c r="AR47" s="601"/>
      <c r="AS47" s="835" t="str">
        <f t="shared" si="8"/>
        <v/>
      </c>
      <c r="AT47" s="836"/>
      <c r="AU47" s="836"/>
      <c r="AV47" s="837"/>
      <c r="AW47" s="839"/>
      <c r="AX47" s="840"/>
      <c r="AY47" s="840"/>
      <c r="AZ47" s="840"/>
      <c r="BA47" s="840"/>
      <c r="BB47" s="840"/>
      <c r="BC47" s="72" t="s">
        <v>13</v>
      </c>
      <c r="BD47" s="203"/>
      <c r="BE47" s="203"/>
      <c r="BF47" s="208">
        <v>39</v>
      </c>
      <c r="BG47" s="329"/>
      <c r="BH47" s="1"/>
      <c r="BI47" s="1"/>
      <c r="BJ47" s="1"/>
    </row>
    <row r="48" spans="1:62" s="269" customFormat="1" ht="28.5" customHeight="1" x14ac:dyDescent="0.2">
      <c r="A48" s="825"/>
      <c r="B48" s="826"/>
      <c r="C48" s="827"/>
      <c r="D48" s="827"/>
      <c r="E48" s="838"/>
      <c r="F48" s="838"/>
      <c r="G48" s="838"/>
      <c r="H48" s="838"/>
      <c r="I48" s="838"/>
      <c r="J48" s="838"/>
      <c r="K48" s="838"/>
      <c r="L48" s="838"/>
      <c r="M48" s="838"/>
      <c r="N48" s="601" t="str">
        <f>IF(E48="","",IFERROR(VLOOKUP(E48,製品リスト!$A$4:$C$1000,2,0),"SII登録型番を正しく入力してください"))</f>
        <v/>
      </c>
      <c r="O48" s="601"/>
      <c r="P48" s="601"/>
      <c r="Q48" s="601"/>
      <c r="R48" s="601"/>
      <c r="S48" s="601"/>
      <c r="T48" s="601"/>
      <c r="U48" s="601"/>
      <c r="V48" s="601"/>
      <c r="W48" s="601"/>
      <c r="X48" s="601"/>
      <c r="Y48" s="601"/>
      <c r="Z48" s="601"/>
      <c r="AA48" s="601"/>
      <c r="AB48" s="601" t="str">
        <f>IF(E48="","",IFERROR(VLOOKUP(E48,製品リスト!$A$4:$C$1000,3,0),"SII登録型番を正しく入力してください"))</f>
        <v/>
      </c>
      <c r="AC48" s="601"/>
      <c r="AD48" s="601"/>
      <c r="AE48" s="601"/>
      <c r="AF48" s="601"/>
      <c r="AG48" s="601"/>
      <c r="AH48" s="601"/>
      <c r="AI48" s="601"/>
      <c r="AJ48" s="601"/>
      <c r="AK48" s="601"/>
      <c r="AL48" s="601"/>
      <c r="AM48" s="601"/>
      <c r="AN48" s="601"/>
      <c r="AO48" s="601"/>
      <c r="AP48" s="601"/>
      <c r="AQ48" s="601"/>
      <c r="AR48" s="601"/>
      <c r="AS48" s="835" t="str">
        <f t="shared" si="3"/>
        <v/>
      </c>
      <c r="AT48" s="836"/>
      <c r="AU48" s="836"/>
      <c r="AV48" s="837"/>
      <c r="AW48" s="839"/>
      <c r="AX48" s="840"/>
      <c r="AY48" s="840"/>
      <c r="AZ48" s="840"/>
      <c r="BA48" s="840"/>
      <c r="BB48" s="840"/>
      <c r="BC48" s="72" t="s">
        <v>13</v>
      </c>
      <c r="BD48" s="203"/>
      <c r="BE48" s="203"/>
      <c r="BF48" s="208">
        <v>40</v>
      </c>
      <c r="BG48" s="329"/>
      <c r="BH48" s="1"/>
      <c r="BI48" s="1"/>
      <c r="BJ48" s="1"/>
    </row>
    <row r="49" spans="1:62" s="269" customFormat="1" ht="28.5" customHeight="1" x14ac:dyDescent="0.2">
      <c r="A49" s="825"/>
      <c r="B49" s="826"/>
      <c r="C49" s="827"/>
      <c r="D49" s="827"/>
      <c r="E49" s="838"/>
      <c r="F49" s="838"/>
      <c r="G49" s="838"/>
      <c r="H49" s="838"/>
      <c r="I49" s="838"/>
      <c r="J49" s="838"/>
      <c r="K49" s="838"/>
      <c r="L49" s="838"/>
      <c r="M49" s="838"/>
      <c r="N49" s="601" t="str">
        <f>IF(E49="","",IFERROR(VLOOKUP(E49,製品リスト!$A$4:$C$1000,2,0),"SII登録型番を正しく入力してください"))</f>
        <v/>
      </c>
      <c r="O49" s="601"/>
      <c r="P49" s="601"/>
      <c r="Q49" s="601"/>
      <c r="R49" s="601"/>
      <c r="S49" s="601"/>
      <c r="T49" s="601"/>
      <c r="U49" s="601"/>
      <c r="V49" s="601"/>
      <c r="W49" s="601"/>
      <c r="X49" s="601"/>
      <c r="Y49" s="601"/>
      <c r="Z49" s="601"/>
      <c r="AA49" s="601"/>
      <c r="AB49" s="601" t="str">
        <f>IF(E49="","",IFERROR(VLOOKUP(E49,製品リスト!$A$4:$C$1000,3,0),"SII登録型番を正しく入力してください"))</f>
        <v/>
      </c>
      <c r="AC49" s="601"/>
      <c r="AD49" s="601"/>
      <c r="AE49" s="601"/>
      <c r="AF49" s="601"/>
      <c r="AG49" s="601"/>
      <c r="AH49" s="601"/>
      <c r="AI49" s="601"/>
      <c r="AJ49" s="601"/>
      <c r="AK49" s="601"/>
      <c r="AL49" s="601"/>
      <c r="AM49" s="601"/>
      <c r="AN49" s="601"/>
      <c r="AO49" s="601"/>
      <c r="AP49" s="601"/>
      <c r="AQ49" s="601"/>
      <c r="AR49" s="601"/>
      <c r="AS49" s="835" t="str">
        <f t="shared" ref="AS49" si="9">IF(E49&lt;&gt;"", RIGHT(E49,1),"")</f>
        <v/>
      </c>
      <c r="AT49" s="836"/>
      <c r="AU49" s="836"/>
      <c r="AV49" s="837"/>
      <c r="AW49" s="839"/>
      <c r="AX49" s="840"/>
      <c r="AY49" s="840"/>
      <c r="AZ49" s="840"/>
      <c r="BA49" s="840"/>
      <c r="BB49" s="840"/>
      <c r="BC49" s="72" t="s">
        <v>13</v>
      </c>
      <c r="BD49" s="203"/>
      <c r="BE49" s="203"/>
      <c r="BF49" s="208">
        <v>41</v>
      </c>
      <c r="BG49" s="329"/>
      <c r="BH49" s="1"/>
      <c r="BI49" s="1"/>
      <c r="BJ49" s="1"/>
    </row>
    <row r="50" spans="1:62" s="269" customFormat="1" ht="28.5" customHeight="1" x14ac:dyDescent="0.2">
      <c r="A50" s="825"/>
      <c r="B50" s="826"/>
      <c r="C50" s="827"/>
      <c r="D50" s="827"/>
      <c r="E50" s="838"/>
      <c r="F50" s="838"/>
      <c r="G50" s="838"/>
      <c r="H50" s="838"/>
      <c r="I50" s="838"/>
      <c r="J50" s="838"/>
      <c r="K50" s="838"/>
      <c r="L50" s="838"/>
      <c r="M50" s="838"/>
      <c r="N50" s="601" t="str">
        <f>IF(E50="","",IFERROR(VLOOKUP(E50,製品リスト!$A$4:$C$1000,2,0),"SII登録型番を正しく入力してください"))</f>
        <v/>
      </c>
      <c r="O50" s="601"/>
      <c r="P50" s="601"/>
      <c r="Q50" s="601"/>
      <c r="R50" s="601"/>
      <c r="S50" s="601"/>
      <c r="T50" s="601"/>
      <c r="U50" s="601"/>
      <c r="V50" s="601"/>
      <c r="W50" s="601"/>
      <c r="X50" s="601"/>
      <c r="Y50" s="601"/>
      <c r="Z50" s="601"/>
      <c r="AA50" s="601"/>
      <c r="AB50" s="601" t="str">
        <f>IF(E50="","",IFERROR(VLOOKUP(E50,製品リスト!$A$4:$C$1000,3,0),"SII登録型番を正しく入力してください"))</f>
        <v/>
      </c>
      <c r="AC50" s="601"/>
      <c r="AD50" s="601"/>
      <c r="AE50" s="601"/>
      <c r="AF50" s="601"/>
      <c r="AG50" s="601"/>
      <c r="AH50" s="601"/>
      <c r="AI50" s="601"/>
      <c r="AJ50" s="601"/>
      <c r="AK50" s="601"/>
      <c r="AL50" s="601"/>
      <c r="AM50" s="601"/>
      <c r="AN50" s="601"/>
      <c r="AO50" s="601"/>
      <c r="AP50" s="601"/>
      <c r="AQ50" s="601"/>
      <c r="AR50" s="601"/>
      <c r="AS50" s="835" t="str">
        <f t="shared" ref="AS50" si="10">IF(E50&lt;&gt;"", RIGHT(E50,1),"")</f>
        <v/>
      </c>
      <c r="AT50" s="836"/>
      <c r="AU50" s="836"/>
      <c r="AV50" s="837"/>
      <c r="AW50" s="839"/>
      <c r="AX50" s="840"/>
      <c r="AY50" s="840"/>
      <c r="AZ50" s="840"/>
      <c r="BA50" s="840"/>
      <c r="BB50" s="840"/>
      <c r="BC50" s="72" t="s">
        <v>13</v>
      </c>
      <c r="BD50" s="203"/>
      <c r="BE50" s="203"/>
      <c r="BF50" s="208">
        <v>42</v>
      </c>
      <c r="BG50" s="329"/>
      <c r="BH50" s="1"/>
      <c r="BI50" s="1"/>
      <c r="BJ50" s="1"/>
    </row>
    <row r="51" spans="1:62" s="269" customFormat="1" ht="28.5" customHeight="1" x14ac:dyDescent="0.2">
      <c r="A51" s="825"/>
      <c r="B51" s="826"/>
      <c r="C51" s="827"/>
      <c r="D51" s="827"/>
      <c r="E51" s="838"/>
      <c r="F51" s="838"/>
      <c r="G51" s="838"/>
      <c r="H51" s="838"/>
      <c r="I51" s="838"/>
      <c r="J51" s="838"/>
      <c r="K51" s="838"/>
      <c r="L51" s="838"/>
      <c r="M51" s="838"/>
      <c r="N51" s="601" t="str">
        <f>IF(E51="","",IFERROR(VLOOKUP(E51,製品リスト!$A$4:$C$1000,2,0),"SII登録型番を正しく入力してください"))</f>
        <v/>
      </c>
      <c r="O51" s="601"/>
      <c r="P51" s="601"/>
      <c r="Q51" s="601"/>
      <c r="R51" s="601"/>
      <c r="S51" s="601"/>
      <c r="T51" s="601"/>
      <c r="U51" s="601"/>
      <c r="V51" s="601"/>
      <c r="W51" s="601"/>
      <c r="X51" s="601"/>
      <c r="Y51" s="601"/>
      <c r="Z51" s="601"/>
      <c r="AA51" s="601"/>
      <c r="AB51" s="601" t="str">
        <f>IF(E51="","",IFERROR(VLOOKUP(E51,製品リスト!$A$4:$C$1000,3,0),"SII登録型番を正しく入力してください"))</f>
        <v/>
      </c>
      <c r="AC51" s="601"/>
      <c r="AD51" s="601"/>
      <c r="AE51" s="601"/>
      <c r="AF51" s="601"/>
      <c r="AG51" s="601"/>
      <c r="AH51" s="601"/>
      <c r="AI51" s="601"/>
      <c r="AJ51" s="601"/>
      <c r="AK51" s="601"/>
      <c r="AL51" s="601"/>
      <c r="AM51" s="601"/>
      <c r="AN51" s="601"/>
      <c r="AO51" s="601"/>
      <c r="AP51" s="601"/>
      <c r="AQ51" s="601"/>
      <c r="AR51" s="601"/>
      <c r="AS51" s="835" t="str">
        <f t="shared" si="3"/>
        <v/>
      </c>
      <c r="AT51" s="836"/>
      <c r="AU51" s="836"/>
      <c r="AV51" s="837"/>
      <c r="AW51" s="839"/>
      <c r="AX51" s="840"/>
      <c r="AY51" s="840"/>
      <c r="AZ51" s="840"/>
      <c r="BA51" s="840"/>
      <c r="BB51" s="840"/>
      <c r="BC51" s="72" t="s">
        <v>13</v>
      </c>
      <c r="BD51" s="203"/>
      <c r="BE51" s="203"/>
      <c r="BF51" s="208">
        <v>43</v>
      </c>
      <c r="BG51" s="329"/>
      <c r="BH51" s="1"/>
      <c r="BI51" s="1"/>
      <c r="BJ51" s="1"/>
    </row>
    <row r="52" spans="1:62" s="269" customFormat="1" ht="28.5" customHeight="1" x14ac:dyDescent="0.2">
      <c r="A52" s="825"/>
      <c r="B52" s="826"/>
      <c r="C52" s="827"/>
      <c r="D52" s="827"/>
      <c r="E52" s="838"/>
      <c r="F52" s="838"/>
      <c r="G52" s="838"/>
      <c r="H52" s="838"/>
      <c r="I52" s="838"/>
      <c r="J52" s="838"/>
      <c r="K52" s="838"/>
      <c r="L52" s="838"/>
      <c r="M52" s="838"/>
      <c r="N52" s="601" t="str">
        <f>IF(E52="","",IFERROR(VLOOKUP(E52,製品リスト!$A$4:$C$1000,2,0),"SII登録型番を正しく入力してください"))</f>
        <v/>
      </c>
      <c r="O52" s="601"/>
      <c r="P52" s="601"/>
      <c r="Q52" s="601"/>
      <c r="R52" s="601"/>
      <c r="S52" s="601"/>
      <c r="T52" s="601"/>
      <c r="U52" s="601"/>
      <c r="V52" s="601"/>
      <c r="W52" s="601"/>
      <c r="X52" s="601"/>
      <c r="Y52" s="601"/>
      <c r="Z52" s="601"/>
      <c r="AA52" s="601"/>
      <c r="AB52" s="601" t="str">
        <f>IF(E52="","",IFERROR(VLOOKUP(E52,製品リスト!$A$4:$C$1000,3,0),"SII登録型番を正しく入力してください"))</f>
        <v/>
      </c>
      <c r="AC52" s="601"/>
      <c r="AD52" s="601"/>
      <c r="AE52" s="601"/>
      <c r="AF52" s="601"/>
      <c r="AG52" s="601"/>
      <c r="AH52" s="601"/>
      <c r="AI52" s="601"/>
      <c r="AJ52" s="601"/>
      <c r="AK52" s="601"/>
      <c r="AL52" s="601"/>
      <c r="AM52" s="601"/>
      <c r="AN52" s="601"/>
      <c r="AO52" s="601"/>
      <c r="AP52" s="601"/>
      <c r="AQ52" s="601"/>
      <c r="AR52" s="601"/>
      <c r="AS52" s="835" t="str">
        <f t="shared" si="3"/>
        <v/>
      </c>
      <c r="AT52" s="836"/>
      <c r="AU52" s="836"/>
      <c r="AV52" s="837"/>
      <c r="AW52" s="839"/>
      <c r="AX52" s="840"/>
      <c r="AY52" s="840"/>
      <c r="AZ52" s="840"/>
      <c r="BA52" s="840"/>
      <c r="BB52" s="840"/>
      <c r="BC52" s="72" t="s">
        <v>13</v>
      </c>
      <c r="BD52" s="203"/>
      <c r="BE52" s="203"/>
      <c r="BF52" s="208">
        <v>44</v>
      </c>
      <c r="BG52" s="329"/>
      <c r="BH52" s="1"/>
      <c r="BI52" s="1"/>
      <c r="BJ52" s="1"/>
    </row>
    <row r="53" spans="1:62" s="269" customFormat="1" ht="28.5" customHeight="1" thickBot="1" x14ac:dyDescent="0.25">
      <c r="A53" s="843"/>
      <c r="B53" s="844"/>
      <c r="C53" s="845"/>
      <c r="D53" s="845"/>
      <c r="E53" s="846"/>
      <c r="F53" s="846"/>
      <c r="G53" s="846"/>
      <c r="H53" s="846"/>
      <c r="I53" s="846"/>
      <c r="J53" s="846"/>
      <c r="K53" s="846"/>
      <c r="L53" s="846"/>
      <c r="M53" s="846"/>
      <c r="N53" s="847" t="str">
        <f>IF(E53="","",IFERROR(VLOOKUP(E53,製品リスト!$A$4:$C$1000,2,0),"SII登録型番を正しく入力してください"))</f>
        <v/>
      </c>
      <c r="O53" s="847"/>
      <c r="P53" s="847"/>
      <c r="Q53" s="847"/>
      <c r="R53" s="847"/>
      <c r="S53" s="847"/>
      <c r="T53" s="847"/>
      <c r="U53" s="847"/>
      <c r="V53" s="847"/>
      <c r="W53" s="847"/>
      <c r="X53" s="847"/>
      <c r="Y53" s="847"/>
      <c r="Z53" s="847"/>
      <c r="AA53" s="847"/>
      <c r="AB53" s="847" t="str">
        <f>IF(E53="","",IFERROR(VLOOKUP(E53,製品リスト!$A$4:$C$1000,3,0),"SII登録型番を正しく入力してください"))</f>
        <v/>
      </c>
      <c r="AC53" s="847"/>
      <c r="AD53" s="847"/>
      <c r="AE53" s="847"/>
      <c r="AF53" s="847"/>
      <c r="AG53" s="847"/>
      <c r="AH53" s="847"/>
      <c r="AI53" s="847"/>
      <c r="AJ53" s="847"/>
      <c r="AK53" s="847"/>
      <c r="AL53" s="847"/>
      <c r="AM53" s="847"/>
      <c r="AN53" s="847"/>
      <c r="AO53" s="847"/>
      <c r="AP53" s="847"/>
      <c r="AQ53" s="847"/>
      <c r="AR53" s="847"/>
      <c r="AS53" s="903" t="str">
        <f t="shared" si="3"/>
        <v/>
      </c>
      <c r="AT53" s="904"/>
      <c r="AU53" s="904"/>
      <c r="AV53" s="905"/>
      <c r="AW53" s="901"/>
      <c r="AX53" s="902"/>
      <c r="AY53" s="902"/>
      <c r="AZ53" s="902"/>
      <c r="BA53" s="902"/>
      <c r="BB53" s="902"/>
      <c r="BC53" s="76" t="s">
        <v>13</v>
      </c>
      <c r="BD53" s="203"/>
      <c r="BE53" s="203"/>
      <c r="BF53" s="208">
        <v>45</v>
      </c>
      <c r="BG53" s="329"/>
      <c r="BH53" s="1"/>
      <c r="BI53" s="1"/>
      <c r="BJ53" s="1"/>
    </row>
    <row r="54" spans="1:62" ht="15" customHeight="1" x14ac:dyDescent="0.2">
      <c r="N54" s="4" t="str">
        <f>IF(E54="","",IFERROR(VLOOKUP(E54,#REF!,2,0),"SII登録型番を正しく入力してください"))</f>
        <v/>
      </c>
      <c r="BG54" s="340"/>
    </row>
    <row r="55" spans="1:62" ht="31.5" customHeight="1" thickBot="1" x14ac:dyDescent="0.25">
      <c r="A55" s="27" t="s">
        <v>69</v>
      </c>
      <c r="B55" s="94"/>
      <c r="C55" s="94"/>
      <c r="D55" s="94"/>
      <c r="E55" s="94"/>
      <c r="F55" s="77"/>
      <c r="G55" s="77"/>
      <c r="H55" s="77"/>
      <c r="I55" s="77"/>
      <c r="J55" s="77"/>
      <c r="K55" s="77"/>
      <c r="L55" s="77"/>
      <c r="M55" s="77"/>
      <c r="N55" s="77"/>
      <c r="O55" s="77"/>
      <c r="P55" s="149" t="s">
        <v>109</v>
      </c>
      <c r="Q55" s="77"/>
      <c r="R55" s="77"/>
      <c r="S55" s="77"/>
      <c r="T55" s="77"/>
      <c r="U55" s="77"/>
      <c r="V55" s="77"/>
      <c r="W55" s="77"/>
      <c r="X55" s="77"/>
      <c r="Y55" s="77"/>
      <c r="Z55" s="77"/>
      <c r="AA55" s="77"/>
      <c r="AB55" s="77"/>
      <c r="AC55" s="77"/>
      <c r="AD55" s="77"/>
      <c r="AE55" s="77"/>
      <c r="AF55" s="77"/>
      <c r="AG55" s="77"/>
      <c r="AH55" s="77"/>
      <c r="AI55" s="77"/>
      <c r="AJ55" s="77"/>
      <c r="AK55" s="77"/>
      <c r="AL55" s="77"/>
      <c r="AM55" s="77"/>
      <c r="AN55" s="77"/>
      <c r="AO55" s="77"/>
      <c r="AP55" s="77"/>
      <c r="AQ55" s="77"/>
      <c r="AR55" s="77"/>
      <c r="AS55" s="94"/>
      <c r="AT55" s="94"/>
      <c r="AU55" s="94"/>
      <c r="AV55" s="94"/>
      <c r="AW55" s="94"/>
      <c r="AX55" s="94"/>
      <c r="AY55" s="94"/>
      <c r="AZ55" s="94"/>
      <c r="BA55" s="94"/>
      <c r="BB55" s="94"/>
      <c r="BC55" s="94"/>
      <c r="BD55" s="94"/>
      <c r="BE55" s="94"/>
      <c r="BG55" s="340"/>
    </row>
    <row r="56" spans="1:62" ht="57.75" customHeight="1" thickBot="1" x14ac:dyDescent="0.25">
      <c r="A56" s="797" t="s">
        <v>14</v>
      </c>
      <c r="B56" s="798"/>
      <c r="C56" s="798"/>
      <c r="D56" s="799"/>
      <c r="E56" s="592" t="s">
        <v>103</v>
      </c>
      <c r="F56" s="593"/>
      <c r="G56" s="593"/>
      <c r="H56" s="594"/>
      <c r="I56" s="872" t="s">
        <v>99</v>
      </c>
      <c r="J56" s="593"/>
      <c r="K56" s="593"/>
      <c r="L56" s="593"/>
      <c r="M56" s="593"/>
      <c r="N56" s="593"/>
      <c r="O56" s="593"/>
      <c r="P56" s="593"/>
      <c r="Q56" s="597" t="s">
        <v>107</v>
      </c>
      <c r="R56" s="671"/>
      <c r="S56" s="557" t="s">
        <v>106</v>
      </c>
      <c r="T56" s="557"/>
      <c r="U56" s="557"/>
      <c r="V56" s="557"/>
      <c r="W56" s="557"/>
      <c r="X56" s="557"/>
      <c r="Y56" s="557"/>
      <c r="Z56" s="557"/>
      <c r="AA56" s="591"/>
      <c r="AB56" s="598" t="s">
        <v>108</v>
      </c>
      <c r="AC56" s="557"/>
      <c r="AD56" s="557"/>
      <c r="AE56" s="557"/>
      <c r="AF56" s="557"/>
      <c r="AG56" s="557"/>
      <c r="AH56" s="557"/>
      <c r="AI56" s="557"/>
      <c r="AJ56" s="557"/>
      <c r="AK56" s="557"/>
      <c r="AL56" s="557"/>
      <c r="AM56" s="557"/>
      <c r="AN56" s="557"/>
      <c r="AO56" s="591"/>
      <c r="AP56" s="598" t="s">
        <v>73</v>
      </c>
      <c r="AQ56" s="557"/>
      <c r="AR56" s="557"/>
      <c r="AS56" s="557"/>
      <c r="AT56" s="557"/>
      <c r="AU56" s="557"/>
      <c r="AV56" s="557"/>
      <c r="AW56" s="557"/>
      <c r="AX56" s="557"/>
      <c r="AY56" s="557"/>
      <c r="AZ56" s="557"/>
      <c r="BA56" s="557"/>
      <c r="BB56" s="557"/>
      <c r="BC56" s="558"/>
      <c r="BD56" s="200"/>
      <c r="BE56" s="200"/>
      <c r="BF56" s="166" t="s">
        <v>656</v>
      </c>
      <c r="BG56" s="339" t="s">
        <v>151</v>
      </c>
    </row>
    <row r="57" spans="1:62" ht="33.75" customHeight="1" thickTop="1" x14ac:dyDescent="0.2">
      <c r="A57" s="800" t="s">
        <v>75</v>
      </c>
      <c r="B57" s="801"/>
      <c r="C57" s="801"/>
      <c r="D57" s="802"/>
      <c r="E57" s="896" t="s">
        <v>104</v>
      </c>
      <c r="F57" s="897"/>
      <c r="G57" s="897"/>
      <c r="H57" s="898"/>
      <c r="I57" s="888">
        <f>IF((SUMIF($AS$9:$AV$23,E57,$AW$9:$BB$23))=0,0,IF((SUMIF($AS$9:$AV$23,E57,$AW$9:$BB$23))&lt;=1,1,ROUNDDOWN(SUMIF($AS$9:$AV$23,E57,$AW$9:$BB$23),0)))</f>
        <v>0</v>
      </c>
      <c r="J57" s="889"/>
      <c r="K57" s="889"/>
      <c r="L57" s="889"/>
      <c r="M57" s="889"/>
      <c r="N57" s="889"/>
      <c r="O57" s="889"/>
      <c r="P57" s="121" t="s">
        <v>44</v>
      </c>
      <c r="Q57" s="814" t="s">
        <v>107</v>
      </c>
      <c r="R57" s="815"/>
      <c r="S57" s="878">
        <v>24000</v>
      </c>
      <c r="T57" s="879"/>
      <c r="U57" s="879"/>
      <c r="V57" s="879"/>
      <c r="W57" s="879"/>
      <c r="X57" s="879"/>
      <c r="Y57" s="879"/>
      <c r="Z57" s="879"/>
      <c r="AA57" s="78" t="s">
        <v>0</v>
      </c>
      <c r="AB57" s="787">
        <f>IF(I57="","",I57*S57)</f>
        <v>0</v>
      </c>
      <c r="AC57" s="787"/>
      <c r="AD57" s="787"/>
      <c r="AE57" s="787"/>
      <c r="AF57" s="787"/>
      <c r="AG57" s="787"/>
      <c r="AH57" s="787"/>
      <c r="AI57" s="787"/>
      <c r="AJ57" s="787"/>
      <c r="AK57" s="787"/>
      <c r="AL57" s="787"/>
      <c r="AM57" s="787"/>
      <c r="AN57" s="787"/>
      <c r="AO57" s="78" t="s">
        <v>0</v>
      </c>
      <c r="AP57" s="788">
        <f>IF(OR(I57="",I58=""),"",SUM(AB57:AN58))</f>
        <v>0</v>
      </c>
      <c r="AQ57" s="788"/>
      <c r="AR57" s="788"/>
      <c r="AS57" s="788"/>
      <c r="AT57" s="788"/>
      <c r="AU57" s="788"/>
      <c r="AV57" s="788"/>
      <c r="AW57" s="788"/>
      <c r="AX57" s="788"/>
      <c r="AY57" s="788"/>
      <c r="AZ57" s="788"/>
      <c r="BA57" s="788"/>
      <c r="BB57" s="788"/>
      <c r="BC57" s="678" t="s">
        <v>0</v>
      </c>
      <c r="BD57" s="201"/>
      <c r="BE57" s="201"/>
      <c r="BF57" s="167">
        <v>46</v>
      </c>
      <c r="BG57" s="329"/>
    </row>
    <row r="58" spans="1:62" ht="33.75" customHeight="1" x14ac:dyDescent="0.2">
      <c r="A58" s="803"/>
      <c r="B58" s="804"/>
      <c r="C58" s="804"/>
      <c r="D58" s="805"/>
      <c r="E58" s="816" t="s">
        <v>105</v>
      </c>
      <c r="F58" s="817"/>
      <c r="G58" s="817"/>
      <c r="H58" s="818"/>
      <c r="I58" s="890">
        <f>IF((SUMIF($AS$9:$AV$23,E58,$AW$9:$BB$23))=0,0,IF((SUMIF($AS$9:$AV$23,E58,$AW$9:$BB$23))&lt;=1,1,ROUNDDOWN(SUMIF($AS$9:$AV$23,E58,$AW$9:$BB$23),0)))</f>
        <v>0</v>
      </c>
      <c r="J58" s="891"/>
      <c r="K58" s="891"/>
      <c r="L58" s="891"/>
      <c r="M58" s="891"/>
      <c r="N58" s="891"/>
      <c r="O58" s="891"/>
      <c r="P58" s="122" t="s">
        <v>44</v>
      </c>
      <c r="Q58" s="886" t="s">
        <v>107</v>
      </c>
      <c r="R58" s="887"/>
      <c r="S58" s="880">
        <v>8000</v>
      </c>
      <c r="T58" s="881"/>
      <c r="U58" s="881"/>
      <c r="V58" s="881"/>
      <c r="W58" s="881"/>
      <c r="X58" s="881"/>
      <c r="Y58" s="881"/>
      <c r="Z58" s="881"/>
      <c r="AA58" s="81" t="s">
        <v>0</v>
      </c>
      <c r="AB58" s="790">
        <f t="shared" ref="AB58:AB62" si="11">IF(I58="","",I58*S58)</f>
        <v>0</v>
      </c>
      <c r="AC58" s="790"/>
      <c r="AD58" s="790"/>
      <c r="AE58" s="790"/>
      <c r="AF58" s="790"/>
      <c r="AG58" s="790"/>
      <c r="AH58" s="790"/>
      <c r="AI58" s="790"/>
      <c r="AJ58" s="790"/>
      <c r="AK58" s="790"/>
      <c r="AL58" s="790"/>
      <c r="AM58" s="790"/>
      <c r="AN58" s="790"/>
      <c r="AO58" s="79" t="s">
        <v>0</v>
      </c>
      <c r="AP58" s="789"/>
      <c r="AQ58" s="789"/>
      <c r="AR58" s="789"/>
      <c r="AS58" s="789"/>
      <c r="AT58" s="789"/>
      <c r="AU58" s="789"/>
      <c r="AV58" s="789"/>
      <c r="AW58" s="789"/>
      <c r="AX58" s="789"/>
      <c r="AY58" s="789"/>
      <c r="AZ58" s="789"/>
      <c r="BA58" s="789"/>
      <c r="BB58" s="789"/>
      <c r="BC58" s="679"/>
      <c r="BD58" s="201"/>
      <c r="BE58" s="201"/>
      <c r="BF58" s="167">
        <v>47</v>
      </c>
      <c r="BG58" s="329"/>
    </row>
    <row r="59" spans="1:62" ht="33.75" customHeight="1" x14ac:dyDescent="0.2">
      <c r="A59" s="806" t="s">
        <v>88</v>
      </c>
      <c r="B59" s="807"/>
      <c r="C59" s="807"/>
      <c r="D59" s="808"/>
      <c r="E59" s="819" t="s">
        <v>104</v>
      </c>
      <c r="F59" s="820"/>
      <c r="G59" s="820"/>
      <c r="H59" s="821"/>
      <c r="I59" s="892">
        <f>IF((SUMIF($AS$24:$AV$38,E59,$AW$24:$BB$38))=0,0,IF((SUMIF($AS$24:$AV$38,E59,$AW$24:$BB$38))&lt;=1,1,ROUNDDOWN(SUMIF($AS$24:$AV$38,E59,$AW$24:$BB$38),0)))</f>
        <v>0</v>
      </c>
      <c r="J59" s="893"/>
      <c r="K59" s="893"/>
      <c r="L59" s="893"/>
      <c r="M59" s="893"/>
      <c r="N59" s="893"/>
      <c r="O59" s="893"/>
      <c r="P59" s="116" t="s">
        <v>44</v>
      </c>
      <c r="Q59" s="899" t="s">
        <v>107</v>
      </c>
      <c r="R59" s="900"/>
      <c r="S59" s="882">
        <v>24000</v>
      </c>
      <c r="T59" s="883"/>
      <c r="U59" s="883"/>
      <c r="V59" s="883"/>
      <c r="W59" s="883"/>
      <c r="X59" s="883"/>
      <c r="Y59" s="883"/>
      <c r="Z59" s="883"/>
      <c r="AA59" s="80" t="s">
        <v>0</v>
      </c>
      <c r="AB59" s="791">
        <f t="shared" si="11"/>
        <v>0</v>
      </c>
      <c r="AC59" s="791"/>
      <c r="AD59" s="791"/>
      <c r="AE59" s="791"/>
      <c r="AF59" s="791"/>
      <c r="AG59" s="791"/>
      <c r="AH59" s="791"/>
      <c r="AI59" s="791"/>
      <c r="AJ59" s="791"/>
      <c r="AK59" s="791"/>
      <c r="AL59" s="791"/>
      <c r="AM59" s="791"/>
      <c r="AN59" s="791"/>
      <c r="AO59" s="80" t="s">
        <v>0</v>
      </c>
      <c r="AP59" s="792">
        <f t="shared" ref="AP59" si="12">IF(OR(I59="",I60=""),"",SUM(AB59:AN60))</f>
        <v>0</v>
      </c>
      <c r="AQ59" s="793"/>
      <c r="AR59" s="793"/>
      <c r="AS59" s="793"/>
      <c r="AT59" s="793"/>
      <c r="AU59" s="793"/>
      <c r="AV59" s="793"/>
      <c r="AW59" s="793"/>
      <c r="AX59" s="793"/>
      <c r="AY59" s="793"/>
      <c r="AZ59" s="793"/>
      <c r="BA59" s="793"/>
      <c r="BB59" s="793"/>
      <c r="BC59" s="813" t="s">
        <v>0</v>
      </c>
      <c r="BD59" s="206"/>
      <c r="BE59" s="207"/>
      <c r="BF59" s="167">
        <v>48</v>
      </c>
      <c r="BG59" s="329"/>
    </row>
    <row r="60" spans="1:62" ht="33.75" customHeight="1" x14ac:dyDescent="0.2">
      <c r="A60" s="803"/>
      <c r="B60" s="804"/>
      <c r="C60" s="804"/>
      <c r="D60" s="805"/>
      <c r="E60" s="816" t="s">
        <v>105</v>
      </c>
      <c r="F60" s="817"/>
      <c r="G60" s="817"/>
      <c r="H60" s="818"/>
      <c r="I60" s="890">
        <f>IF((SUMIF($AS$24:$AV$38,E60,$AW$24:$BB$38))=0,0,IF((SUMIF($AS$24:$AV$38,E60,$AW$24:$BB$38))&lt;=1,1,ROUNDDOWN(SUMIF($AS$24:$AV$38,E60,$AW$24:$BB$38),0)))</f>
        <v>0</v>
      </c>
      <c r="J60" s="891"/>
      <c r="K60" s="891"/>
      <c r="L60" s="891"/>
      <c r="M60" s="891"/>
      <c r="N60" s="891"/>
      <c r="O60" s="891"/>
      <c r="P60" s="123" t="s">
        <v>44</v>
      </c>
      <c r="Q60" s="886" t="s">
        <v>107</v>
      </c>
      <c r="R60" s="887"/>
      <c r="S60" s="880">
        <v>8000</v>
      </c>
      <c r="T60" s="881"/>
      <c r="U60" s="881"/>
      <c r="V60" s="881"/>
      <c r="W60" s="881"/>
      <c r="X60" s="881"/>
      <c r="Y60" s="881"/>
      <c r="Z60" s="881"/>
      <c r="AA60" s="81" t="s">
        <v>0</v>
      </c>
      <c r="AB60" s="790">
        <f t="shared" si="11"/>
        <v>0</v>
      </c>
      <c r="AC60" s="790"/>
      <c r="AD60" s="790"/>
      <c r="AE60" s="790"/>
      <c r="AF60" s="790"/>
      <c r="AG60" s="790"/>
      <c r="AH60" s="790"/>
      <c r="AI60" s="790"/>
      <c r="AJ60" s="790"/>
      <c r="AK60" s="790"/>
      <c r="AL60" s="790"/>
      <c r="AM60" s="790"/>
      <c r="AN60" s="790"/>
      <c r="AO60" s="81" t="s">
        <v>0</v>
      </c>
      <c r="AP60" s="794"/>
      <c r="AQ60" s="795"/>
      <c r="AR60" s="795"/>
      <c r="AS60" s="795"/>
      <c r="AT60" s="795"/>
      <c r="AU60" s="795"/>
      <c r="AV60" s="795"/>
      <c r="AW60" s="795"/>
      <c r="AX60" s="795"/>
      <c r="AY60" s="795"/>
      <c r="AZ60" s="795"/>
      <c r="BA60" s="795"/>
      <c r="BB60" s="795"/>
      <c r="BC60" s="812"/>
      <c r="BD60" s="206"/>
      <c r="BE60" s="207"/>
      <c r="BF60" s="167">
        <v>49</v>
      </c>
      <c r="BG60" s="329"/>
    </row>
    <row r="61" spans="1:62" ht="33.75" customHeight="1" x14ac:dyDescent="0.2">
      <c r="A61" s="806" t="s">
        <v>74</v>
      </c>
      <c r="B61" s="807"/>
      <c r="C61" s="807"/>
      <c r="D61" s="808"/>
      <c r="E61" s="819" t="s">
        <v>104</v>
      </c>
      <c r="F61" s="820"/>
      <c r="G61" s="820"/>
      <c r="H61" s="821"/>
      <c r="I61" s="892">
        <f>IF((SUMIF($AS$39:$AV$53,E61,$AW$39:$BB$53))=0,0,IF((SUMIF($AS$39:$AV$53,E61,$AW$39:$BB$53))&lt;=1,1,ROUNDDOWN(SUMIF($AS$39:$AV$53,E61,$AW$39:$BB$53),0)))</f>
        <v>0</v>
      </c>
      <c r="J61" s="893"/>
      <c r="K61" s="893"/>
      <c r="L61" s="893"/>
      <c r="M61" s="893"/>
      <c r="N61" s="893"/>
      <c r="O61" s="893"/>
      <c r="P61" s="124" t="s">
        <v>44</v>
      </c>
      <c r="Q61" s="899" t="s">
        <v>107</v>
      </c>
      <c r="R61" s="900"/>
      <c r="S61" s="882">
        <v>24000</v>
      </c>
      <c r="T61" s="883"/>
      <c r="U61" s="883"/>
      <c r="V61" s="883"/>
      <c r="W61" s="883"/>
      <c r="X61" s="883"/>
      <c r="Y61" s="883"/>
      <c r="Z61" s="883"/>
      <c r="AA61" s="80" t="s">
        <v>0</v>
      </c>
      <c r="AB61" s="791">
        <f t="shared" si="11"/>
        <v>0</v>
      </c>
      <c r="AC61" s="791"/>
      <c r="AD61" s="791"/>
      <c r="AE61" s="791"/>
      <c r="AF61" s="791"/>
      <c r="AG61" s="791"/>
      <c r="AH61" s="791"/>
      <c r="AI61" s="791"/>
      <c r="AJ61" s="791"/>
      <c r="AK61" s="791"/>
      <c r="AL61" s="791"/>
      <c r="AM61" s="791"/>
      <c r="AN61" s="791"/>
      <c r="AO61" s="82" t="s">
        <v>0</v>
      </c>
      <c r="AP61" s="789">
        <f t="shared" ref="AP61" si="13">IF(OR(I61="",I62=""),"",SUM(AB61:AN62))</f>
        <v>0</v>
      </c>
      <c r="AQ61" s="789"/>
      <c r="AR61" s="789"/>
      <c r="AS61" s="789"/>
      <c r="AT61" s="789"/>
      <c r="AU61" s="789"/>
      <c r="AV61" s="789"/>
      <c r="AW61" s="789"/>
      <c r="AX61" s="789"/>
      <c r="AY61" s="789"/>
      <c r="AZ61" s="789"/>
      <c r="BA61" s="789"/>
      <c r="BB61" s="789"/>
      <c r="BC61" s="679" t="s">
        <v>0</v>
      </c>
      <c r="BD61" s="201"/>
      <c r="BE61" s="201"/>
      <c r="BF61" s="167">
        <v>50</v>
      </c>
      <c r="BG61" s="329"/>
    </row>
    <row r="62" spans="1:62" ht="33.75" customHeight="1" thickBot="1" x14ac:dyDescent="0.25">
      <c r="A62" s="809"/>
      <c r="B62" s="810"/>
      <c r="C62" s="810"/>
      <c r="D62" s="811"/>
      <c r="E62" s="873" t="s">
        <v>105</v>
      </c>
      <c r="F62" s="874"/>
      <c r="G62" s="874"/>
      <c r="H62" s="875"/>
      <c r="I62" s="894">
        <f>IF((SUMIF($AS$39:$AV$53,E62,$AW$39:$BB$53))=0,0,IF((SUMIF($AS$39:$AV$53,E62,$AW$39:$BB$53))&lt;=1,1,ROUNDDOWN(SUMIF($AS$39:$AV$53,E62,$AW$39:$BB$53),0)))</f>
        <v>0</v>
      </c>
      <c r="J62" s="895"/>
      <c r="K62" s="895"/>
      <c r="L62" s="895"/>
      <c r="M62" s="895"/>
      <c r="N62" s="895"/>
      <c r="O62" s="895"/>
      <c r="P62" s="116" t="s">
        <v>44</v>
      </c>
      <c r="Q62" s="876" t="s">
        <v>107</v>
      </c>
      <c r="R62" s="877"/>
      <c r="S62" s="884">
        <v>8000</v>
      </c>
      <c r="T62" s="885"/>
      <c r="U62" s="885"/>
      <c r="V62" s="885"/>
      <c r="W62" s="885"/>
      <c r="X62" s="885"/>
      <c r="Y62" s="885"/>
      <c r="Z62" s="885"/>
      <c r="AA62" s="84" t="s">
        <v>0</v>
      </c>
      <c r="AB62" s="796">
        <f t="shared" si="11"/>
        <v>0</v>
      </c>
      <c r="AC62" s="796"/>
      <c r="AD62" s="796"/>
      <c r="AE62" s="796"/>
      <c r="AF62" s="796"/>
      <c r="AG62" s="796"/>
      <c r="AH62" s="796"/>
      <c r="AI62" s="796"/>
      <c r="AJ62" s="796"/>
      <c r="AK62" s="796"/>
      <c r="AL62" s="796"/>
      <c r="AM62" s="796"/>
      <c r="AN62" s="796"/>
      <c r="AO62" s="84" t="s">
        <v>0</v>
      </c>
      <c r="AP62" s="795"/>
      <c r="AQ62" s="795"/>
      <c r="AR62" s="795"/>
      <c r="AS62" s="795"/>
      <c r="AT62" s="795"/>
      <c r="AU62" s="795"/>
      <c r="AV62" s="795"/>
      <c r="AW62" s="795"/>
      <c r="AX62" s="795"/>
      <c r="AY62" s="795"/>
      <c r="AZ62" s="795"/>
      <c r="BA62" s="795"/>
      <c r="BB62" s="795"/>
      <c r="BC62" s="812"/>
      <c r="BD62" s="206"/>
      <c r="BE62" s="207"/>
      <c r="BF62" s="167">
        <v>51</v>
      </c>
      <c r="BG62" s="329"/>
    </row>
    <row r="63" spans="1:62" ht="37.5" customHeight="1" thickTop="1" thickBot="1" x14ac:dyDescent="0.25">
      <c r="A63" s="783" t="s">
        <v>76</v>
      </c>
      <c r="B63" s="784"/>
      <c r="C63" s="784"/>
      <c r="D63" s="784"/>
      <c r="E63" s="784"/>
      <c r="F63" s="784"/>
      <c r="G63" s="784"/>
      <c r="H63" s="784"/>
      <c r="I63" s="784"/>
      <c r="J63" s="784"/>
      <c r="K63" s="784"/>
      <c r="L63" s="784"/>
      <c r="M63" s="784"/>
      <c r="N63" s="784"/>
      <c r="O63" s="784"/>
      <c r="P63" s="784"/>
      <c r="Q63" s="784"/>
      <c r="R63" s="784"/>
      <c r="S63" s="784"/>
      <c r="T63" s="784"/>
      <c r="U63" s="784"/>
      <c r="V63" s="784"/>
      <c r="W63" s="784"/>
      <c r="X63" s="784"/>
      <c r="Y63" s="784"/>
      <c r="Z63" s="784"/>
      <c r="AA63" s="784"/>
      <c r="AB63" s="784"/>
      <c r="AC63" s="784"/>
      <c r="AD63" s="784"/>
      <c r="AE63" s="784"/>
      <c r="AF63" s="784"/>
      <c r="AG63" s="784"/>
      <c r="AH63" s="784"/>
      <c r="AI63" s="784"/>
      <c r="AJ63" s="784"/>
      <c r="AK63" s="784"/>
      <c r="AL63" s="784"/>
      <c r="AM63" s="784"/>
      <c r="AN63" s="784"/>
      <c r="AO63" s="785"/>
      <c r="AP63" s="786">
        <f>SUM(AP57:BB62)</f>
        <v>0</v>
      </c>
      <c r="AQ63" s="786"/>
      <c r="AR63" s="786"/>
      <c r="AS63" s="786"/>
      <c r="AT63" s="786"/>
      <c r="AU63" s="786"/>
      <c r="AV63" s="786"/>
      <c r="AW63" s="786"/>
      <c r="AX63" s="786"/>
      <c r="AY63" s="786"/>
      <c r="AZ63" s="786"/>
      <c r="BA63" s="786"/>
      <c r="BB63" s="786"/>
      <c r="BC63" s="83" t="s">
        <v>0</v>
      </c>
      <c r="BD63" s="202"/>
      <c r="BE63" s="202"/>
      <c r="BF63" s="167">
        <v>52</v>
      </c>
      <c r="BG63" s="329"/>
    </row>
  </sheetData>
  <sheetProtection algorithmName="SHA-512" hashValue="k9zW4tahdExkDNws12+T8gm+yTHZ1PnXkFeBYRJYT7nzOyOWQpGFw9L18cP/RN0eJnWOQzCVM0r0Cwkd15l/Dg==" saltValue="Kuuxca26E5H+E6QynLIZwQ==" spinCount="100000" sheet="1" objects="1" formatColumns="0"/>
  <mergeCells count="285">
    <mergeCell ref="E42:M42"/>
    <mergeCell ref="N42:AA42"/>
    <mergeCell ref="AB42:AR42"/>
    <mergeCell ref="AS42:AV42"/>
    <mergeCell ref="AW42:BB42"/>
    <mergeCell ref="E43:M43"/>
    <mergeCell ref="E38:M38"/>
    <mergeCell ref="N38:AA38"/>
    <mergeCell ref="AB38:AR38"/>
    <mergeCell ref="N43:AA43"/>
    <mergeCell ref="AB43:AR43"/>
    <mergeCell ref="AS43:AV43"/>
    <mergeCell ref="AW43:BB43"/>
    <mergeCell ref="AW29:BB29"/>
    <mergeCell ref="E30:M30"/>
    <mergeCell ref="N30:AA30"/>
    <mergeCell ref="AB30:AR30"/>
    <mergeCell ref="AS30:AV30"/>
    <mergeCell ref="AW30:BB30"/>
    <mergeCell ref="E40:M40"/>
    <mergeCell ref="N40:AA40"/>
    <mergeCell ref="AB40:AR40"/>
    <mergeCell ref="AS40:AV40"/>
    <mergeCell ref="AW40:BB40"/>
    <mergeCell ref="AW38:BB38"/>
    <mergeCell ref="AS38:AV38"/>
    <mergeCell ref="N29:AA29"/>
    <mergeCell ref="AB29:AR29"/>
    <mergeCell ref="AS29:AV29"/>
    <mergeCell ref="E27:M27"/>
    <mergeCell ref="N27:AA27"/>
    <mergeCell ref="AB27:AR27"/>
    <mergeCell ref="AS27:AV27"/>
    <mergeCell ref="AW27:BB27"/>
    <mergeCell ref="E28:M28"/>
    <mergeCell ref="N28:AA28"/>
    <mergeCell ref="AB28:AR28"/>
    <mergeCell ref="AS28:AV28"/>
    <mergeCell ref="AW28:BB28"/>
    <mergeCell ref="AB26:AR26"/>
    <mergeCell ref="AS26:AV26"/>
    <mergeCell ref="AW26:BB26"/>
    <mergeCell ref="E14:M14"/>
    <mergeCell ref="N14:AA14"/>
    <mergeCell ref="AB14:AR14"/>
    <mergeCell ref="AS14:AV14"/>
    <mergeCell ref="AW14:BB14"/>
    <mergeCell ref="AW18:BB18"/>
    <mergeCell ref="E19:M19"/>
    <mergeCell ref="N19:AA19"/>
    <mergeCell ref="AB19:AR19"/>
    <mergeCell ref="AS19:AV19"/>
    <mergeCell ref="AW19:BB19"/>
    <mergeCell ref="E15:M15"/>
    <mergeCell ref="N15:AA15"/>
    <mergeCell ref="AB15:AR15"/>
    <mergeCell ref="AS15:AV15"/>
    <mergeCell ref="AW15:BB15"/>
    <mergeCell ref="E16:M16"/>
    <mergeCell ref="N16:AA16"/>
    <mergeCell ref="AB16:AR16"/>
    <mergeCell ref="AS16:AV16"/>
    <mergeCell ref="AW16:BB16"/>
    <mergeCell ref="E12:M12"/>
    <mergeCell ref="N12:AA12"/>
    <mergeCell ref="AB12:AR12"/>
    <mergeCell ref="AS12:AV12"/>
    <mergeCell ref="AW12:BB12"/>
    <mergeCell ref="E13:M13"/>
    <mergeCell ref="N13:AA13"/>
    <mergeCell ref="AB13:AR13"/>
    <mergeCell ref="AS13:AV13"/>
    <mergeCell ref="AW13:BB13"/>
    <mergeCell ref="E10:M10"/>
    <mergeCell ref="N10:AA10"/>
    <mergeCell ref="AB10:AR10"/>
    <mergeCell ref="AS10:AV10"/>
    <mergeCell ref="AW10:BB10"/>
    <mergeCell ref="E11:M11"/>
    <mergeCell ref="N11:AA11"/>
    <mergeCell ref="AB11:AR11"/>
    <mergeCell ref="AS11:AV11"/>
    <mergeCell ref="AW11:BB11"/>
    <mergeCell ref="E17:M17"/>
    <mergeCell ref="N17:AA17"/>
    <mergeCell ref="AB17:AR17"/>
    <mergeCell ref="AS17:AV17"/>
    <mergeCell ref="AW17:BB17"/>
    <mergeCell ref="E60:H60"/>
    <mergeCell ref="E61:H61"/>
    <mergeCell ref="AW53:BB53"/>
    <mergeCell ref="AW39:BB39"/>
    <mergeCell ref="S56:AA56"/>
    <mergeCell ref="Q56:R56"/>
    <mergeCell ref="AB53:AR53"/>
    <mergeCell ref="AS53:AV53"/>
    <mergeCell ref="AW21:BB21"/>
    <mergeCell ref="AS47:AV47"/>
    <mergeCell ref="N23:AA23"/>
    <mergeCell ref="AW52:BB52"/>
    <mergeCell ref="AB45:AR45"/>
    <mergeCell ref="AS45:AV45"/>
    <mergeCell ref="AW45:BB45"/>
    <mergeCell ref="N22:AA22"/>
    <mergeCell ref="AB22:AR22"/>
    <mergeCell ref="AW22:BB22"/>
    <mergeCell ref="AB23:AR23"/>
    <mergeCell ref="E62:H62"/>
    <mergeCell ref="Q62:R62"/>
    <mergeCell ref="S57:Z57"/>
    <mergeCell ref="S58:Z58"/>
    <mergeCell ref="S59:Z59"/>
    <mergeCell ref="S60:Z60"/>
    <mergeCell ref="S61:Z61"/>
    <mergeCell ref="S62:Z62"/>
    <mergeCell ref="Q60:R60"/>
    <mergeCell ref="I57:O57"/>
    <mergeCell ref="I58:O58"/>
    <mergeCell ref="I59:O59"/>
    <mergeCell ref="I60:O60"/>
    <mergeCell ref="I61:O61"/>
    <mergeCell ref="I62:O62"/>
    <mergeCell ref="E57:H57"/>
    <mergeCell ref="Q58:R58"/>
    <mergeCell ref="Q59:R59"/>
    <mergeCell ref="Q61:R61"/>
    <mergeCell ref="AB25:AR25"/>
    <mergeCell ref="AS25:AV25"/>
    <mergeCell ref="AW25:BB25"/>
    <mergeCell ref="AW31:BB31"/>
    <mergeCell ref="I56:P56"/>
    <mergeCell ref="E51:M51"/>
    <mergeCell ref="N51:AA51"/>
    <mergeCell ref="AW32:BB32"/>
    <mergeCell ref="E48:M48"/>
    <mergeCell ref="N48:AA48"/>
    <mergeCell ref="AB48:AR48"/>
    <mergeCell ref="AS48:AV48"/>
    <mergeCell ref="AW48:BB48"/>
    <mergeCell ref="E49:M49"/>
    <mergeCell ref="N49:AA49"/>
    <mergeCell ref="AB49:AR49"/>
    <mergeCell ref="AS49:AV49"/>
    <mergeCell ref="AW49:BB49"/>
    <mergeCell ref="AW33:BB33"/>
    <mergeCell ref="AW34:BB34"/>
    <mergeCell ref="E41:M41"/>
    <mergeCell ref="N41:AA41"/>
    <mergeCell ref="AW50:BB50"/>
    <mergeCell ref="AB51:AR51"/>
    <mergeCell ref="AW51:BB51"/>
    <mergeCell ref="E45:M45"/>
    <mergeCell ref="N45:AA45"/>
    <mergeCell ref="E46:M46"/>
    <mergeCell ref="N46:AA46"/>
    <mergeCell ref="AB46:AR46"/>
    <mergeCell ref="AS46:AV46"/>
    <mergeCell ref="AW46:BB46"/>
    <mergeCell ref="E47:M47"/>
    <mergeCell ref="AB47:AR47"/>
    <mergeCell ref="AW47:BB47"/>
    <mergeCell ref="E50:M50"/>
    <mergeCell ref="N50:AA50"/>
    <mergeCell ref="AB50:AR50"/>
    <mergeCell ref="AS50:AV50"/>
    <mergeCell ref="E44:M44"/>
    <mergeCell ref="N44:AA44"/>
    <mergeCell ref="AW44:BB44"/>
    <mergeCell ref="AB41:AR41"/>
    <mergeCell ref="AS41:AV41"/>
    <mergeCell ref="AW41:BB41"/>
    <mergeCell ref="AS24:AV24"/>
    <mergeCell ref="AS35:AV35"/>
    <mergeCell ref="E52:M52"/>
    <mergeCell ref="N52:AA52"/>
    <mergeCell ref="AB52:AR52"/>
    <mergeCell ref="AS39:AV39"/>
    <mergeCell ref="AS51:AV51"/>
    <mergeCell ref="AS52:AV52"/>
    <mergeCell ref="N47:AA47"/>
    <mergeCell ref="E39:M39"/>
    <mergeCell ref="N39:AA39"/>
    <mergeCell ref="AB39:AR39"/>
    <mergeCell ref="N25:AA25"/>
    <mergeCell ref="E31:M31"/>
    <mergeCell ref="N31:AA31"/>
    <mergeCell ref="AB31:AR31"/>
    <mergeCell ref="AS31:AV31"/>
    <mergeCell ref="E29:M29"/>
    <mergeCell ref="AB44:AR44"/>
    <mergeCell ref="AS44:AV44"/>
    <mergeCell ref="E26:M26"/>
    <mergeCell ref="AS8:AV8"/>
    <mergeCell ref="AS9:AV9"/>
    <mergeCell ref="AS20:AV20"/>
    <mergeCell ref="AS21:AV21"/>
    <mergeCell ref="AS22:AV22"/>
    <mergeCell ref="E22:M22"/>
    <mergeCell ref="E18:M18"/>
    <mergeCell ref="N18:AA18"/>
    <mergeCell ref="AB18:AR18"/>
    <mergeCell ref="AS18:AV18"/>
    <mergeCell ref="E33:M33"/>
    <mergeCell ref="N33:AA33"/>
    <mergeCell ref="AB33:AR33"/>
    <mergeCell ref="AS33:AV33"/>
    <mergeCell ref="E34:M34"/>
    <mergeCell ref="N34:AA34"/>
    <mergeCell ref="AB34:AR34"/>
    <mergeCell ref="AS34:AV34"/>
    <mergeCell ref="E25:M25"/>
    <mergeCell ref="AS23:AV23"/>
    <mergeCell ref="E23:M23"/>
    <mergeCell ref="AW23:BB23"/>
    <mergeCell ref="A39:D53"/>
    <mergeCell ref="E53:M53"/>
    <mergeCell ref="N53:AA53"/>
    <mergeCell ref="A2:BC2"/>
    <mergeCell ref="N8:AA8"/>
    <mergeCell ref="AB8:AR8"/>
    <mergeCell ref="AW8:BC8"/>
    <mergeCell ref="A9:D23"/>
    <mergeCell ref="N9:AA9"/>
    <mergeCell ref="AB9:AR9"/>
    <mergeCell ref="AW9:BB9"/>
    <mergeCell ref="E9:M9"/>
    <mergeCell ref="A8:D8"/>
    <mergeCell ref="E8:M8"/>
    <mergeCell ref="E20:M20"/>
    <mergeCell ref="N20:AA20"/>
    <mergeCell ref="AB20:AR20"/>
    <mergeCell ref="AW20:BB20"/>
    <mergeCell ref="E21:M21"/>
    <mergeCell ref="AW6:BC7"/>
    <mergeCell ref="BB5:BC5"/>
    <mergeCell ref="N21:AA21"/>
    <mergeCell ref="AB21:AR21"/>
    <mergeCell ref="A24:D38"/>
    <mergeCell ref="E24:M24"/>
    <mergeCell ref="AW24:BB24"/>
    <mergeCell ref="N24:AA24"/>
    <mergeCell ref="AB24:AR24"/>
    <mergeCell ref="AS36:AV36"/>
    <mergeCell ref="E37:M37"/>
    <mergeCell ref="N37:AA37"/>
    <mergeCell ref="AB37:AR37"/>
    <mergeCell ref="AW37:BB37"/>
    <mergeCell ref="E35:M35"/>
    <mergeCell ref="N35:AA35"/>
    <mergeCell ref="AB35:AR35"/>
    <mergeCell ref="AW35:BB35"/>
    <mergeCell ref="E36:M36"/>
    <mergeCell ref="N36:AA36"/>
    <mergeCell ref="AB36:AR36"/>
    <mergeCell ref="AW36:BB36"/>
    <mergeCell ref="AS37:AV37"/>
    <mergeCell ref="E32:M32"/>
    <mergeCell ref="N32:AA32"/>
    <mergeCell ref="AB32:AR32"/>
    <mergeCell ref="AS32:AV32"/>
    <mergeCell ref="N26:AA26"/>
    <mergeCell ref="A63:AO63"/>
    <mergeCell ref="AP63:BB63"/>
    <mergeCell ref="AP56:BC56"/>
    <mergeCell ref="AB57:AN57"/>
    <mergeCell ref="AP57:BB58"/>
    <mergeCell ref="AB58:AN58"/>
    <mergeCell ref="AB59:AN59"/>
    <mergeCell ref="AP59:BB60"/>
    <mergeCell ref="AB60:AN60"/>
    <mergeCell ref="AB61:AN61"/>
    <mergeCell ref="AP61:BB62"/>
    <mergeCell ref="AB62:AN62"/>
    <mergeCell ref="A56:D56"/>
    <mergeCell ref="A57:D58"/>
    <mergeCell ref="A59:D60"/>
    <mergeCell ref="A61:D62"/>
    <mergeCell ref="BC61:BC62"/>
    <mergeCell ref="BC59:BC60"/>
    <mergeCell ref="BC57:BC58"/>
    <mergeCell ref="Q57:R57"/>
    <mergeCell ref="AB56:AO56"/>
    <mergeCell ref="E56:H56"/>
    <mergeCell ref="E58:H58"/>
    <mergeCell ref="E59:H59"/>
  </mergeCells>
  <phoneticPr fontId="38"/>
  <conditionalFormatting sqref="BG1:BG7 BG9:BG55 BG57:BG1048576">
    <cfRule type="notContainsBlanks" dxfId="52" priority="1">
      <formula>LEN(TRIM(BG1))&gt;0</formula>
    </cfRule>
  </conditionalFormatting>
  <dataValidations count="2">
    <dataValidation type="custom" imeMode="disabled" allowBlank="1" showInputMessage="1" showErrorMessage="1" errorTitle="入力エラー" error="小数点は第二位まで、三位以下切り捨てで入力して下さい。" sqref="AW9:BB53" xr:uid="{00000000-0002-0000-0300-000001000000}">
      <formula1>AW9-ROUNDDOWN(AW9,2)=0</formula1>
    </dataValidation>
    <dataValidation type="custom" imeMode="halfAlpha" operator="equal" allowBlank="1" showInputMessage="1" showErrorMessage="1" errorTitle="文字数エラー" error="SII登録型番を半角大文字の英数字で入力してください。（９文字）" sqref="E9:M53" xr:uid="{776EDA2B-2F15-439D-9F4E-76500C829DB0}">
      <formula1>AND(LENB(E9)=9,EXACT(UPPER(E9),E9))</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headerFooter>
    <oddHeader>&amp;RVERSION 2.0</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BZ59"/>
  <sheetViews>
    <sheetView showGridLines="0" showZeros="0" zoomScale="50" zoomScaleNormal="50" zoomScaleSheetLayoutView="50" workbookViewId="0"/>
  </sheetViews>
  <sheetFormatPr defaultColWidth="9" defaultRowHeight="19.2" x14ac:dyDescent="0.2"/>
  <cols>
    <col min="1" max="55" width="3.6640625" style="4" customWidth="1"/>
    <col min="56" max="56" width="3.6640625" style="4" hidden="1" customWidth="1"/>
    <col min="57" max="57" width="3.6640625" style="4" customWidth="1"/>
    <col min="58" max="58" width="5.77734375" style="168" customWidth="1"/>
    <col min="59" max="59" width="51.77734375" style="336" hidden="1" customWidth="1"/>
    <col min="60" max="60" width="51.77734375" style="4" customWidth="1"/>
    <col min="61" max="61" width="3.44140625" style="4" customWidth="1"/>
    <col min="62" max="16384" width="9" style="4"/>
  </cols>
  <sheetData>
    <row r="1" spans="1:78" ht="15" customHeight="1" x14ac:dyDescent="0.2">
      <c r="B1" s="1"/>
      <c r="C1" s="1"/>
      <c r="D1" s="1"/>
      <c r="E1" s="1"/>
      <c r="F1" s="1"/>
      <c r="G1" s="1"/>
      <c r="H1" s="1"/>
      <c r="I1" s="1"/>
      <c r="J1" s="1"/>
      <c r="K1" s="1"/>
      <c r="L1" s="1"/>
      <c r="M1" s="1"/>
      <c r="N1" s="1"/>
      <c r="O1" s="1"/>
      <c r="P1" s="1"/>
      <c r="Q1" s="1"/>
      <c r="R1" s="1"/>
      <c r="S1" s="1"/>
      <c r="T1" s="1"/>
      <c r="U1" s="1"/>
      <c r="V1" s="1"/>
      <c r="W1" s="1"/>
      <c r="X1" s="1"/>
      <c r="Y1" s="1"/>
      <c r="Z1" s="1"/>
      <c r="AA1" s="1"/>
      <c r="AB1" s="2"/>
      <c r="AC1" s="2"/>
      <c r="AD1" s="2"/>
      <c r="AE1" s="30"/>
      <c r="AF1" s="30"/>
      <c r="AG1" s="30"/>
      <c r="AH1" s="1"/>
      <c r="AI1" s="1"/>
      <c r="AJ1" s="1"/>
      <c r="AK1" s="1"/>
      <c r="AL1" s="1"/>
      <c r="AM1" s="1"/>
      <c r="AN1" s="1"/>
      <c r="AO1" s="1"/>
      <c r="AP1" s="1"/>
      <c r="AQ1" s="1"/>
      <c r="AR1" s="1"/>
      <c r="AS1" s="1"/>
      <c r="AT1" s="1"/>
      <c r="AU1" s="1"/>
      <c r="AV1" s="30"/>
      <c r="AW1" s="1"/>
      <c r="AX1" s="1"/>
      <c r="AY1" s="1"/>
      <c r="AZ1" s="1"/>
      <c r="BA1" s="1"/>
      <c r="BC1" s="13" t="s">
        <v>1230</v>
      </c>
      <c r="BD1" s="13"/>
      <c r="BE1" s="13"/>
    </row>
    <row r="2" spans="1:78" ht="30" customHeight="1" x14ac:dyDescent="0.2">
      <c r="A2" s="848" t="s">
        <v>960</v>
      </c>
      <c r="B2" s="849"/>
      <c r="C2" s="849"/>
      <c r="D2" s="849"/>
      <c r="E2" s="849"/>
      <c r="F2" s="849"/>
      <c r="G2" s="849"/>
      <c r="H2" s="849"/>
      <c r="I2" s="849"/>
      <c r="J2" s="849"/>
      <c r="K2" s="849"/>
      <c r="L2" s="849"/>
      <c r="M2" s="849"/>
      <c r="N2" s="849"/>
      <c r="O2" s="849"/>
      <c r="P2" s="849"/>
      <c r="Q2" s="849"/>
      <c r="R2" s="849"/>
      <c r="S2" s="849"/>
      <c r="T2" s="849"/>
      <c r="U2" s="849"/>
      <c r="V2" s="849"/>
      <c r="W2" s="849"/>
      <c r="X2" s="849"/>
      <c r="Y2" s="849"/>
      <c r="Z2" s="849"/>
      <c r="AA2" s="849"/>
      <c r="AB2" s="849"/>
      <c r="AC2" s="849"/>
      <c r="AD2" s="849"/>
      <c r="AE2" s="849"/>
      <c r="AF2" s="849"/>
      <c r="AG2" s="849"/>
      <c r="AH2" s="849"/>
      <c r="AI2" s="849"/>
      <c r="AJ2" s="849"/>
      <c r="AK2" s="849"/>
      <c r="AL2" s="849"/>
      <c r="AM2" s="849"/>
      <c r="AN2" s="849"/>
      <c r="AO2" s="849"/>
      <c r="AP2" s="849"/>
      <c r="AQ2" s="849"/>
      <c r="AR2" s="849"/>
      <c r="AS2" s="849"/>
      <c r="AT2" s="849"/>
      <c r="AU2" s="849"/>
      <c r="AV2" s="849"/>
      <c r="AW2" s="849"/>
      <c r="AX2" s="849"/>
      <c r="AY2" s="849"/>
      <c r="AZ2" s="849"/>
      <c r="BA2" s="849"/>
      <c r="BB2" s="849"/>
      <c r="BC2" s="850"/>
      <c r="BD2" s="198"/>
      <c r="BE2" s="198"/>
      <c r="BF2" s="169"/>
    </row>
    <row r="3" spans="1:78" ht="7.8" customHeight="1" x14ac:dyDescent="0.2">
      <c r="A3" s="9"/>
      <c r="B3" s="9"/>
      <c r="C3" s="9"/>
      <c r="D3" s="9"/>
      <c r="E3" s="11"/>
      <c r="F3" s="9"/>
      <c r="G3" s="9"/>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4"/>
      <c r="BE3" s="204"/>
    </row>
    <row r="4" spans="1:78" ht="14.25" customHeight="1" x14ac:dyDescent="0.2">
      <c r="A4" s="12"/>
      <c r="B4" s="12"/>
      <c r="C4" s="12"/>
      <c r="D4" s="12"/>
      <c r="E4" s="1"/>
      <c r="F4" s="12"/>
      <c r="G4" s="12"/>
      <c r="H4" s="1"/>
      <c r="I4" s="1"/>
      <c r="J4" s="1"/>
      <c r="K4" s="1"/>
      <c r="L4" s="1"/>
      <c r="M4" s="1"/>
      <c r="N4" s="1"/>
      <c r="O4" s="1"/>
      <c r="P4" s="1"/>
      <c r="Q4" s="1"/>
      <c r="R4" s="1"/>
      <c r="S4" s="1"/>
      <c r="T4" s="1"/>
      <c r="U4" s="1"/>
      <c r="V4" s="1"/>
      <c r="W4" s="1"/>
      <c r="X4" s="1"/>
      <c r="Y4" s="1"/>
      <c r="Z4" s="1"/>
      <c r="AA4" s="1"/>
      <c r="AB4" s="1"/>
      <c r="AC4" s="1"/>
      <c r="AD4" s="12"/>
      <c r="AE4" s="12"/>
      <c r="AF4" s="12"/>
      <c r="AG4" s="12"/>
      <c r="AH4" s="12"/>
      <c r="AI4" s="12"/>
      <c r="AJ4" s="1"/>
      <c r="AK4" s="1"/>
      <c r="AL4" s="1"/>
      <c r="AM4" s="1"/>
      <c r="AN4" s="1"/>
      <c r="AO4" s="1"/>
      <c r="AP4" s="1"/>
      <c r="AQ4" s="1"/>
      <c r="AR4" s="1"/>
      <c r="AS4" s="1"/>
      <c r="AT4" s="1"/>
      <c r="AU4" s="1"/>
      <c r="AV4" s="1"/>
      <c r="AX4" s="15"/>
      <c r="AY4" s="132"/>
      <c r="AZ4" s="58"/>
      <c r="BA4" s="132"/>
      <c r="BB4" s="861"/>
      <c r="BC4" s="861"/>
      <c r="BD4" s="132"/>
      <c r="BE4" s="132"/>
      <c r="BF4" s="919" t="s">
        <v>655</v>
      </c>
      <c r="BG4" s="1052" t="s">
        <v>153</v>
      </c>
    </row>
    <row r="5" spans="1:78" ht="23.25" customHeight="1" x14ac:dyDescent="0.25">
      <c r="A5" s="27" t="s">
        <v>48</v>
      </c>
      <c r="B5" s="1"/>
      <c r="C5" s="1"/>
      <c r="D5" s="1"/>
      <c r="E5" s="1"/>
      <c r="F5" s="1"/>
      <c r="G5" s="1"/>
      <c r="H5" s="1"/>
      <c r="I5" s="1"/>
      <c r="J5" s="1"/>
      <c r="K5" s="54" t="s">
        <v>52</v>
      </c>
      <c r="L5" s="1"/>
      <c r="M5" s="1"/>
      <c r="N5" s="1"/>
      <c r="O5" s="54"/>
      <c r="P5" s="1"/>
      <c r="Q5" s="1"/>
      <c r="R5" s="2"/>
      <c r="S5" s="2"/>
      <c r="T5" s="2"/>
      <c r="U5" s="5"/>
      <c r="V5" s="29"/>
      <c r="W5" s="29"/>
      <c r="X5" s="22"/>
      <c r="Y5" s="23"/>
      <c r="Z5" s="23"/>
      <c r="AA5" s="23"/>
      <c r="AF5" s="1"/>
      <c r="AG5" s="1"/>
      <c r="AH5" s="1"/>
      <c r="AI5" s="1"/>
      <c r="AJ5" s="1"/>
      <c r="AK5" s="1"/>
      <c r="AL5" s="1"/>
      <c r="AM5" s="1"/>
      <c r="AN5" s="1"/>
      <c r="AO5" s="1"/>
      <c r="AP5" s="1"/>
      <c r="AQ5" s="1"/>
      <c r="AR5" s="1"/>
      <c r="AS5" s="1"/>
      <c r="AT5" s="1"/>
      <c r="AU5" s="1"/>
      <c r="AV5" s="1"/>
      <c r="AY5" s="33"/>
      <c r="AZ5" s="33"/>
      <c r="BF5" s="919"/>
      <c r="BG5" s="1053"/>
    </row>
    <row r="6" spans="1:78" s="270" customFormat="1" ht="34.5" customHeight="1" thickBot="1" x14ac:dyDescent="0.25">
      <c r="A6" s="51"/>
      <c r="B6" s="51"/>
      <c r="C6" s="52" t="s">
        <v>3</v>
      </c>
      <c r="D6" s="1013" t="s">
        <v>28</v>
      </c>
      <c r="E6" s="1013"/>
      <c r="F6" s="51"/>
      <c r="G6" s="52" t="s">
        <v>3</v>
      </c>
      <c r="H6" s="1013" t="s">
        <v>49</v>
      </c>
      <c r="I6" s="1013"/>
      <c r="J6" s="1"/>
      <c r="K6" s="1014" t="s">
        <v>51</v>
      </c>
      <c r="L6" s="1014"/>
      <c r="M6" s="1014"/>
      <c r="N6" s="1014"/>
      <c r="O6" s="1014"/>
      <c r="P6" s="1015"/>
      <c r="Q6" s="1015"/>
      <c r="R6" s="1015"/>
      <c r="S6" s="1015"/>
      <c r="T6" s="1016" t="s">
        <v>44</v>
      </c>
      <c r="U6" s="1016"/>
      <c r="V6" s="21"/>
      <c r="W6" s="21"/>
      <c r="X6" s="1014" t="s">
        <v>53</v>
      </c>
      <c r="Y6" s="1014"/>
      <c r="Z6" s="1014"/>
      <c r="AA6" s="1014"/>
      <c r="AB6" s="1014"/>
      <c r="AC6" s="1014"/>
      <c r="AD6" s="1014"/>
      <c r="AE6" s="1014"/>
      <c r="AF6" s="1009" t="str">
        <f>IF(G6="□","",SUM(AN16,AN27,AN38,AN49))</f>
        <v/>
      </c>
      <c r="AG6" s="1009"/>
      <c r="AH6" s="1009"/>
      <c r="AI6" s="1016" t="s">
        <v>54</v>
      </c>
      <c r="AJ6" s="1016"/>
      <c r="AK6" s="1"/>
      <c r="AL6" s="1"/>
      <c r="AM6" s="1014" t="s">
        <v>55</v>
      </c>
      <c r="AN6" s="1014"/>
      <c r="AO6" s="1014"/>
      <c r="AP6" s="1014"/>
      <c r="AQ6" s="1014"/>
      <c r="AR6" s="1014"/>
      <c r="AS6" s="1014"/>
      <c r="AT6" s="1014"/>
      <c r="AU6" s="1014"/>
      <c r="AV6" s="1014"/>
      <c r="AW6" s="1014"/>
      <c r="AX6" s="1009" t="str">
        <f>IF(OR(P6="",AF6=""),"",ROUNDDOWN(AF6/P6,0))</f>
        <v/>
      </c>
      <c r="AY6" s="1009"/>
      <c r="AZ6" s="1009"/>
      <c r="BA6" s="1016" t="s">
        <v>56</v>
      </c>
      <c r="BB6" s="1016"/>
      <c r="BC6" s="1016"/>
      <c r="BD6" s="209"/>
      <c r="BE6" s="209"/>
      <c r="BF6" s="170">
        <v>1</v>
      </c>
      <c r="BG6" s="329"/>
      <c r="BH6" s="4"/>
      <c r="BI6" s="4"/>
      <c r="BJ6" s="4"/>
      <c r="BK6" s="4"/>
      <c r="BL6" s="4"/>
      <c r="BM6" s="4"/>
      <c r="BN6" s="4"/>
      <c r="BO6" s="4"/>
      <c r="BP6" s="4"/>
      <c r="BQ6" s="4"/>
      <c r="BR6" s="4"/>
      <c r="BS6" s="4"/>
      <c r="BT6" s="4"/>
      <c r="BU6" s="4"/>
      <c r="BV6" s="4"/>
      <c r="BW6" s="4"/>
      <c r="BX6" s="4"/>
      <c r="BY6" s="4"/>
      <c r="BZ6" s="4"/>
    </row>
    <row r="7" spans="1:78" ht="23.25" customHeight="1" x14ac:dyDescent="0.2">
      <c r="A7" s="8"/>
      <c r="B7" s="8"/>
      <c r="C7" s="1"/>
      <c r="D7" s="1"/>
      <c r="E7" s="1"/>
      <c r="F7" s="1"/>
      <c r="G7" s="1"/>
      <c r="H7" s="1"/>
      <c r="I7" s="1"/>
      <c r="J7" s="1"/>
      <c r="K7" s="1"/>
      <c r="L7" s="1"/>
      <c r="M7" s="1"/>
      <c r="N7" s="1"/>
      <c r="O7" s="53" t="s">
        <v>50</v>
      </c>
      <c r="P7" s="53"/>
      <c r="Q7" s="1"/>
      <c r="R7" s="2"/>
      <c r="S7" s="53"/>
      <c r="T7" s="6"/>
      <c r="U7" s="16"/>
      <c r="V7" s="16"/>
      <c r="W7" s="53"/>
      <c r="X7" s="1"/>
      <c r="Y7" s="1"/>
      <c r="Z7" s="1"/>
      <c r="AA7" s="1"/>
      <c r="AB7" s="1"/>
      <c r="AC7" s="1"/>
      <c r="AD7" s="1"/>
      <c r="AE7" s="1"/>
      <c r="AF7" s="1"/>
      <c r="AG7" s="1"/>
      <c r="AH7" s="1"/>
      <c r="AI7" s="1"/>
      <c r="AJ7" s="1"/>
      <c r="AK7" s="1"/>
      <c r="AL7" s="1"/>
      <c r="AM7" s="1"/>
      <c r="AN7" s="1"/>
      <c r="AO7" s="1"/>
      <c r="AP7" s="1"/>
      <c r="AQ7" s="1"/>
      <c r="AR7" s="1"/>
      <c r="AS7" s="1"/>
      <c r="AT7" s="1"/>
      <c r="AU7" s="1"/>
      <c r="AV7" s="1"/>
      <c r="AW7" s="1"/>
      <c r="AY7" s="33"/>
      <c r="AZ7" s="33"/>
    </row>
    <row r="8" spans="1:78" ht="22.8" customHeight="1" x14ac:dyDescent="0.2">
      <c r="A8" s="27" t="s">
        <v>964</v>
      </c>
      <c r="B8" s="27"/>
      <c r="C8" s="20"/>
      <c r="D8" s="20"/>
      <c r="E8" s="1"/>
      <c r="F8" s="20"/>
      <c r="G8" s="20"/>
      <c r="H8" s="1"/>
      <c r="I8" s="1"/>
      <c r="J8" s="1"/>
      <c r="K8" s="1"/>
      <c r="L8" s="1"/>
      <c r="M8" s="1"/>
      <c r="N8" s="1"/>
      <c r="O8" s="1"/>
      <c r="P8" s="1"/>
      <c r="Q8" s="1"/>
      <c r="R8" s="1"/>
      <c r="S8" s="1"/>
      <c r="T8" s="1"/>
      <c r="U8" s="1"/>
      <c r="V8" s="1"/>
      <c r="W8" s="1"/>
      <c r="X8" s="1"/>
      <c r="Y8" s="1"/>
      <c r="Z8" s="1"/>
      <c r="AA8" s="1"/>
      <c r="AB8" s="1"/>
      <c r="AC8" s="1"/>
      <c r="AD8" s="1"/>
      <c r="AE8" s="1"/>
      <c r="AF8" s="1"/>
      <c r="AG8" s="1"/>
      <c r="AH8" s="1"/>
      <c r="AI8" s="1"/>
      <c r="AJ8" s="1"/>
      <c r="AK8" s="1"/>
      <c r="AL8" s="1"/>
      <c r="AM8" s="1"/>
      <c r="AN8" s="1"/>
      <c r="AO8" s="1"/>
      <c r="AP8" s="1"/>
      <c r="AQ8" s="1"/>
      <c r="AR8" s="1"/>
      <c r="AS8" s="1"/>
      <c r="AT8" s="1"/>
      <c r="AU8" s="1"/>
      <c r="AV8" s="1"/>
      <c r="AW8" s="1"/>
      <c r="AY8" s="33"/>
      <c r="AZ8" s="33"/>
    </row>
    <row r="9" spans="1:78" ht="22.8" customHeight="1" x14ac:dyDescent="0.2">
      <c r="A9" s="24" t="s">
        <v>965</v>
      </c>
      <c r="B9" s="27"/>
      <c r="C9" s="20"/>
      <c r="D9" s="20"/>
      <c r="E9" s="1"/>
      <c r="F9" s="20"/>
      <c r="G9" s="20"/>
      <c r="H9" s="1"/>
      <c r="I9" s="1"/>
      <c r="J9" s="1"/>
      <c r="K9" s="1"/>
      <c r="L9" s="1"/>
      <c r="M9" s="1"/>
      <c r="N9" s="1"/>
      <c r="O9" s="1"/>
      <c r="P9" s="1"/>
      <c r="Q9" s="1"/>
      <c r="R9" s="1"/>
      <c r="S9" s="1"/>
      <c r="T9" s="1"/>
      <c r="U9" s="1"/>
      <c r="V9" s="1"/>
      <c r="W9" s="1"/>
      <c r="X9" s="1"/>
      <c r="Y9" s="1"/>
      <c r="Z9" s="1"/>
      <c r="AA9" s="1"/>
      <c r="AB9" s="1"/>
      <c r="AC9" s="1"/>
      <c r="AD9" s="1"/>
      <c r="AE9" s="1"/>
      <c r="AF9" s="1"/>
      <c r="AG9" s="1"/>
      <c r="AH9" s="1"/>
      <c r="AI9" s="1"/>
      <c r="AJ9" s="1"/>
      <c r="AK9" s="1"/>
      <c r="AL9" s="1"/>
      <c r="AM9" s="1"/>
      <c r="AN9" s="1"/>
      <c r="AO9" s="1"/>
      <c r="AP9" s="1"/>
      <c r="AQ9" s="1"/>
      <c r="AR9" s="1"/>
      <c r="AS9" s="1"/>
      <c r="AT9" s="1"/>
      <c r="AU9" s="1"/>
      <c r="AV9" s="1"/>
      <c r="AW9" s="1"/>
      <c r="AY9" s="33"/>
      <c r="AZ9" s="33"/>
    </row>
    <row r="10" spans="1:78" ht="22.8" customHeight="1" x14ac:dyDescent="0.2">
      <c r="A10" s="25" t="s">
        <v>65</v>
      </c>
      <c r="B10" s="27"/>
      <c r="C10" s="20"/>
      <c r="D10" s="20"/>
      <c r="E10" s="1"/>
      <c r="F10" s="20"/>
      <c r="G10" s="20"/>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
      <c r="AL10" s="1"/>
      <c r="AM10" s="1"/>
      <c r="AN10" s="1"/>
      <c r="AO10" s="1"/>
      <c r="AP10" s="1"/>
      <c r="AQ10" s="1"/>
      <c r="AR10" s="1"/>
      <c r="AS10" s="1"/>
      <c r="AT10" s="1"/>
      <c r="AU10" s="1"/>
      <c r="AV10" s="1"/>
      <c r="AW10" s="1"/>
      <c r="AY10" s="33"/>
      <c r="AZ10" s="33"/>
    </row>
    <row r="11" spans="1:78" ht="13.8" customHeight="1" x14ac:dyDescent="0.2">
      <c r="A11" s="12"/>
      <c r="B11" s="12"/>
      <c r="C11" s="12"/>
      <c r="D11" s="12"/>
      <c r="E11" s="1"/>
      <c r="F11" s="1"/>
      <c r="G11" s="1"/>
      <c r="H11" s="1"/>
      <c r="I11" s="1"/>
      <c r="J11" s="1"/>
      <c r="K11" s="1"/>
      <c r="L11" s="1"/>
      <c r="M11" s="1"/>
      <c r="N11" s="1"/>
      <c r="O11" s="1"/>
      <c r="P11" s="1"/>
      <c r="Q11" s="1"/>
      <c r="R11" s="1"/>
      <c r="S11" s="1"/>
      <c r="T11" s="1"/>
      <c r="U11" s="1"/>
      <c r="V11" s="1"/>
      <c r="W11" s="1"/>
      <c r="X11" s="1"/>
      <c r="Y11" s="1"/>
      <c r="Z11" s="12"/>
      <c r="AA11" s="12"/>
      <c r="AB11" s="12"/>
      <c r="AC11" s="12"/>
      <c r="AD11" s="12"/>
      <c r="AE11" s="12"/>
      <c r="AF11" s="12"/>
      <c r="AG11" s="12"/>
      <c r="AH11" s="12"/>
      <c r="AI11" s="12"/>
      <c r="AJ11" s="12"/>
      <c r="AK11" s="12"/>
      <c r="AL11" s="12"/>
      <c r="AM11" s="12"/>
      <c r="AN11" s="12"/>
      <c r="AO11" s="1"/>
      <c r="AP11" s="1"/>
      <c r="AQ11" s="1"/>
      <c r="AR11" s="1"/>
      <c r="AS11" s="1"/>
      <c r="AT11" s="1"/>
      <c r="AU11" s="1"/>
      <c r="AV11" s="1"/>
      <c r="AW11" s="1"/>
      <c r="AX11" s="15"/>
      <c r="AY11" s="132"/>
      <c r="AZ11" s="58"/>
      <c r="BA11" s="132"/>
      <c r="BB11" s="861"/>
      <c r="BC11" s="861"/>
      <c r="BD11" s="132"/>
      <c r="BE11" s="132"/>
      <c r="BF11" s="171"/>
    </row>
    <row r="12" spans="1:78" ht="16.8" customHeight="1" x14ac:dyDescent="0.2">
      <c r="A12" s="100"/>
      <c r="B12" s="101"/>
      <c r="C12" s="102" t="s">
        <v>167</v>
      </c>
      <c r="D12" s="16"/>
      <c r="E12" s="16"/>
      <c r="F12" s="16"/>
      <c r="G12" s="103"/>
      <c r="H12" s="104"/>
      <c r="I12" s="102" t="s">
        <v>968</v>
      </c>
      <c r="J12" s="1"/>
      <c r="K12" s="1"/>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c r="AV12" s="1"/>
      <c r="BC12" s="130"/>
      <c r="BD12" s="130"/>
      <c r="BE12" s="130"/>
      <c r="BF12" s="919" t="s">
        <v>655</v>
      </c>
      <c r="BG12" s="918" t="s">
        <v>153</v>
      </c>
    </row>
    <row r="13" spans="1:78" ht="13.8" customHeight="1" thickBot="1" x14ac:dyDescent="0.25">
      <c r="A13" s="24"/>
      <c r="B13" s="24"/>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42"/>
      <c r="AJ13" s="1"/>
      <c r="AK13" s="1"/>
      <c r="AL13" s="1"/>
      <c r="AM13" s="1"/>
      <c r="AN13" s="1"/>
      <c r="AO13" s="1"/>
      <c r="AP13" s="1"/>
      <c r="AQ13" s="1"/>
      <c r="AR13" s="1"/>
      <c r="AS13" s="1"/>
      <c r="AT13" s="1"/>
      <c r="AU13" s="1"/>
      <c r="AV13" s="1"/>
      <c r="AW13" s="1"/>
      <c r="AX13" s="1"/>
      <c r="AY13" s="1"/>
      <c r="AZ13" s="1"/>
      <c r="BA13" s="1"/>
      <c r="BB13" s="1"/>
      <c r="BC13" s="1"/>
      <c r="BF13" s="919"/>
      <c r="BG13" s="918"/>
    </row>
    <row r="14" spans="1:78" ht="34.5" customHeight="1" thickBot="1" x14ac:dyDescent="0.25">
      <c r="A14" s="939" t="s">
        <v>39</v>
      </c>
      <c r="B14" s="940"/>
      <c r="C14" s="941"/>
      <c r="D14" s="1017"/>
      <c r="E14" s="1017"/>
      <c r="F14" s="1017"/>
      <c r="G14" s="1017"/>
      <c r="H14" s="1017"/>
      <c r="I14" s="1017"/>
      <c r="J14" s="1017"/>
      <c r="K14" s="1017"/>
      <c r="L14" s="1017"/>
      <c r="M14" s="1018"/>
      <c r="N14" s="1010" t="s">
        <v>57</v>
      </c>
      <c r="O14" s="1010"/>
      <c r="P14" s="1010"/>
      <c r="Q14" s="1010"/>
      <c r="R14" s="1010"/>
      <c r="S14" s="1010"/>
      <c r="T14" s="1010"/>
      <c r="U14" s="1010"/>
      <c r="V14" s="1011"/>
      <c r="W14" s="1012"/>
      <c r="X14" s="1012"/>
      <c r="Y14" s="1012"/>
      <c r="Z14" s="1012"/>
      <c r="AA14" s="1012"/>
      <c r="AB14" s="1012"/>
      <c r="AC14" s="999" t="s">
        <v>44</v>
      </c>
      <c r="AD14" s="1000"/>
      <c r="AE14" s="250" t="s">
        <v>969</v>
      </c>
      <c r="AF14" s="56"/>
      <c r="AG14" s="1"/>
      <c r="AH14" s="1"/>
      <c r="AI14" s="43"/>
      <c r="AJ14" s="1"/>
      <c r="AK14" s="1"/>
      <c r="AL14" s="1"/>
      <c r="AM14" s="1"/>
      <c r="AN14" s="1"/>
      <c r="AO14" s="1"/>
      <c r="AP14" s="1"/>
      <c r="AQ14" s="1"/>
      <c r="AR14" s="1"/>
      <c r="AS14" s="1"/>
      <c r="AT14" s="1"/>
      <c r="AU14" s="1"/>
      <c r="AV14" s="1"/>
      <c r="AW14" s="1"/>
      <c r="AX14" s="1"/>
      <c r="AY14" s="1"/>
      <c r="AZ14" s="1"/>
      <c r="BA14" s="1"/>
      <c r="BB14" s="1"/>
      <c r="BC14" s="1"/>
      <c r="BF14" s="172">
        <v>2</v>
      </c>
      <c r="BG14" s="334"/>
    </row>
    <row r="15" spans="1:78" ht="61.5" customHeight="1" x14ac:dyDescent="0.2">
      <c r="A15" s="1050" t="s">
        <v>25</v>
      </c>
      <c r="B15" s="1051"/>
      <c r="C15" s="856"/>
      <c r="D15" s="946" t="s">
        <v>14</v>
      </c>
      <c r="E15" s="947"/>
      <c r="F15" s="779" t="s">
        <v>9</v>
      </c>
      <c r="G15" s="946"/>
      <c r="H15" s="947"/>
      <c r="I15" s="779" t="s">
        <v>36</v>
      </c>
      <c r="J15" s="946"/>
      <c r="K15" s="946"/>
      <c r="L15" s="946"/>
      <c r="M15" s="947"/>
      <c r="N15" s="637" t="s">
        <v>7</v>
      </c>
      <c r="O15" s="638"/>
      <c r="P15" s="638"/>
      <c r="Q15" s="638"/>
      <c r="R15" s="638"/>
      <c r="S15" s="638"/>
      <c r="T15" s="638"/>
      <c r="U15" s="639"/>
      <c r="V15" s="637" t="s">
        <v>2</v>
      </c>
      <c r="W15" s="638"/>
      <c r="X15" s="638"/>
      <c r="Y15" s="638"/>
      <c r="Z15" s="638"/>
      <c r="AA15" s="638"/>
      <c r="AB15" s="638"/>
      <c r="AC15" s="638"/>
      <c r="AD15" s="639"/>
      <c r="AE15" s="1028" t="s">
        <v>46</v>
      </c>
      <c r="AF15" s="1039"/>
      <c r="AG15" s="1039"/>
      <c r="AH15" s="1040"/>
      <c r="AI15" s="1028" t="s">
        <v>47</v>
      </c>
      <c r="AJ15" s="1029"/>
      <c r="AK15" s="1029"/>
      <c r="AL15" s="1029"/>
      <c r="AM15" s="1030"/>
      <c r="AN15" s="1031" t="s">
        <v>60</v>
      </c>
      <c r="AO15" s="1032"/>
      <c r="AP15" s="1032"/>
      <c r="AQ15" s="1032"/>
      <c r="AR15" s="1033"/>
      <c r="AS15" s="779" t="s">
        <v>27</v>
      </c>
      <c r="AT15" s="1039"/>
      <c r="AU15" s="1040"/>
      <c r="AV15" s="779" t="s">
        <v>42</v>
      </c>
      <c r="AW15" s="947"/>
      <c r="AX15" s="1034" t="s">
        <v>1</v>
      </c>
      <c r="AY15" s="946"/>
      <c r="AZ15" s="946"/>
      <c r="BA15" s="946"/>
      <c r="BB15" s="946"/>
      <c r="BC15" s="1035"/>
      <c r="BD15" s="213"/>
      <c r="BE15" s="213"/>
      <c r="BF15" s="174"/>
      <c r="BG15" s="341"/>
    </row>
    <row r="16" spans="1:78" s="270" customFormat="1" ht="29.25" customHeight="1" x14ac:dyDescent="0.2">
      <c r="A16" s="689" t="s">
        <v>26</v>
      </c>
      <c r="B16" s="690"/>
      <c r="C16" s="691"/>
      <c r="D16" s="761"/>
      <c r="E16" s="762"/>
      <c r="F16" s="763"/>
      <c r="G16" s="761"/>
      <c r="H16" s="762"/>
      <c r="I16" s="763"/>
      <c r="J16" s="761"/>
      <c r="K16" s="761"/>
      <c r="L16" s="761"/>
      <c r="M16" s="762"/>
      <c r="N16" s="613" t="str">
        <f>IF(I16="","",IFERROR(VLOOKUP(I16,製品リスト!$D$4:$F$1000,2,0),"SII登録型番を正しく入力してください"))</f>
        <v/>
      </c>
      <c r="O16" s="614"/>
      <c r="P16" s="614"/>
      <c r="Q16" s="614"/>
      <c r="R16" s="614"/>
      <c r="S16" s="614"/>
      <c r="T16" s="614"/>
      <c r="U16" s="615"/>
      <c r="V16" s="613" t="str">
        <f>IF(I16="","",IFERROR(VLOOKUP(I16,製品リスト!$D$4:$F$1000,3,0),"SII登録型番を正しく入力してください"))</f>
        <v/>
      </c>
      <c r="W16" s="614"/>
      <c r="X16" s="614"/>
      <c r="Y16" s="614"/>
      <c r="Z16" s="614"/>
      <c r="AA16" s="614"/>
      <c r="AB16" s="614"/>
      <c r="AC16" s="614"/>
      <c r="AD16" s="615"/>
      <c r="AE16" s="1019"/>
      <c r="AF16" s="1020"/>
      <c r="AG16" s="1020"/>
      <c r="AH16" s="1021"/>
      <c r="AI16" s="852"/>
      <c r="AJ16" s="853"/>
      <c r="AK16" s="853"/>
      <c r="AL16" s="853"/>
      <c r="AM16" s="114" t="s">
        <v>23</v>
      </c>
      <c r="AN16" s="1036">
        <f>SUM(AE16*AI16,AE17*AI17,AE18*AI18,AE19*AI19,AE20*AI20)</f>
        <v>0</v>
      </c>
      <c r="AO16" s="1037"/>
      <c r="AP16" s="1037"/>
      <c r="AQ16" s="1037"/>
      <c r="AR16" s="1038"/>
      <c r="AS16" s="1044"/>
      <c r="AT16" s="1045"/>
      <c r="AU16" s="1046"/>
      <c r="AV16" s="763"/>
      <c r="AW16" s="762"/>
      <c r="AX16" s="926"/>
      <c r="AY16" s="927"/>
      <c r="AZ16" s="927"/>
      <c r="BA16" s="927"/>
      <c r="BB16" s="927"/>
      <c r="BC16" s="928"/>
      <c r="BD16" s="195"/>
      <c r="BE16" s="195"/>
      <c r="BF16" s="176">
        <v>3</v>
      </c>
      <c r="BG16" s="334"/>
      <c r="BH16" s="4"/>
      <c r="BI16" s="4"/>
      <c r="BJ16" s="4"/>
      <c r="BK16" s="4"/>
      <c r="BL16" s="4"/>
      <c r="BM16" s="4"/>
      <c r="BN16" s="4"/>
      <c r="BO16" s="4"/>
      <c r="BP16" s="4"/>
      <c r="BQ16" s="4"/>
      <c r="BR16" s="4"/>
      <c r="BS16" s="4"/>
      <c r="BT16" s="4"/>
      <c r="BU16" s="4"/>
      <c r="BV16" s="4"/>
      <c r="BW16" s="4"/>
      <c r="BX16" s="4"/>
      <c r="BY16" s="4"/>
      <c r="BZ16" s="4"/>
    </row>
    <row r="17" spans="1:78" s="270" customFormat="1" ht="29.25" customHeight="1" x14ac:dyDescent="0.2">
      <c r="A17" s="689"/>
      <c r="B17" s="690"/>
      <c r="C17" s="691"/>
      <c r="D17" s="948"/>
      <c r="E17" s="949"/>
      <c r="F17" s="988"/>
      <c r="G17" s="948"/>
      <c r="H17" s="949"/>
      <c r="I17" s="741"/>
      <c r="J17" s="739"/>
      <c r="K17" s="739"/>
      <c r="L17" s="739"/>
      <c r="M17" s="740"/>
      <c r="N17" s="933" t="str">
        <f>IF(I17="","",IFERROR(VLOOKUP(I17,製品リスト!$D$4:$F$1000,2,0),"SII登録型番を正しく入力してください"))</f>
        <v/>
      </c>
      <c r="O17" s="934"/>
      <c r="P17" s="934"/>
      <c r="Q17" s="934"/>
      <c r="R17" s="934"/>
      <c r="S17" s="934"/>
      <c r="T17" s="934"/>
      <c r="U17" s="935"/>
      <c r="V17" s="602" t="str">
        <f>IF(I17="","",IFERROR(VLOOKUP(I17,製品リスト!$D$4:$F$1000,3,0),"SII登録型番を正しく入力してください"))</f>
        <v/>
      </c>
      <c r="W17" s="603"/>
      <c r="X17" s="603"/>
      <c r="Y17" s="603"/>
      <c r="Z17" s="603"/>
      <c r="AA17" s="603"/>
      <c r="AB17" s="603"/>
      <c r="AC17" s="603"/>
      <c r="AD17" s="604"/>
      <c r="AE17" s="936"/>
      <c r="AF17" s="937"/>
      <c r="AG17" s="937"/>
      <c r="AH17" s="938"/>
      <c r="AI17" s="839"/>
      <c r="AJ17" s="840"/>
      <c r="AK17" s="840"/>
      <c r="AL17" s="840"/>
      <c r="AM17" s="39" t="s">
        <v>23</v>
      </c>
      <c r="AN17" s="1036"/>
      <c r="AO17" s="1037"/>
      <c r="AP17" s="1037"/>
      <c r="AQ17" s="1037"/>
      <c r="AR17" s="1038"/>
      <c r="AS17" s="1041"/>
      <c r="AT17" s="1042"/>
      <c r="AU17" s="1043"/>
      <c r="AV17" s="741"/>
      <c r="AW17" s="740"/>
      <c r="AX17" s="982"/>
      <c r="AY17" s="983"/>
      <c r="AZ17" s="983"/>
      <c r="BA17" s="983"/>
      <c r="BB17" s="983"/>
      <c r="BC17" s="984"/>
      <c r="BD17" s="195"/>
      <c r="BE17" s="195"/>
      <c r="BF17" s="172">
        <v>4</v>
      </c>
      <c r="BG17" s="334"/>
      <c r="BH17" s="4"/>
      <c r="BI17" s="4"/>
      <c r="BJ17" s="4"/>
      <c r="BK17" s="4"/>
      <c r="BL17" s="4"/>
      <c r="BM17" s="4"/>
      <c r="BN17" s="4"/>
      <c r="BO17" s="4"/>
      <c r="BP17" s="4"/>
      <c r="BQ17" s="4"/>
      <c r="BR17" s="4"/>
      <c r="BS17" s="4"/>
      <c r="BT17" s="4"/>
      <c r="BU17" s="4"/>
      <c r="BV17" s="4"/>
      <c r="BW17" s="4"/>
      <c r="BX17" s="4"/>
      <c r="BY17" s="4"/>
      <c r="BZ17" s="4"/>
    </row>
    <row r="18" spans="1:78" s="270" customFormat="1" ht="29.25" customHeight="1" x14ac:dyDescent="0.2">
      <c r="A18" s="689"/>
      <c r="B18" s="690"/>
      <c r="C18" s="691"/>
      <c r="D18" s="948"/>
      <c r="E18" s="949"/>
      <c r="F18" s="988"/>
      <c r="G18" s="948"/>
      <c r="H18" s="949"/>
      <c r="I18" s="741"/>
      <c r="J18" s="739"/>
      <c r="K18" s="739"/>
      <c r="L18" s="739"/>
      <c r="M18" s="740"/>
      <c r="N18" s="933" t="str">
        <f>IF(I18="","",IFERROR(VLOOKUP(I18,製品リスト!$D$4:$F$1000,2,0),"SII登録型番を正しく入力してください"))</f>
        <v/>
      </c>
      <c r="O18" s="934"/>
      <c r="P18" s="934"/>
      <c r="Q18" s="934"/>
      <c r="R18" s="934"/>
      <c r="S18" s="934"/>
      <c r="T18" s="934"/>
      <c r="U18" s="935"/>
      <c r="V18" s="602" t="str">
        <f>IF(I18="","",IFERROR(VLOOKUP(I18,製品リスト!$D$4:$F$1000,3,0),"SII登録型番を正しく入力してください"))</f>
        <v/>
      </c>
      <c r="W18" s="603"/>
      <c r="X18" s="603"/>
      <c r="Y18" s="603"/>
      <c r="Z18" s="603"/>
      <c r="AA18" s="603"/>
      <c r="AB18" s="603"/>
      <c r="AC18" s="603"/>
      <c r="AD18" s="604"/>
      <c r="AE18" s="936"/>
      <c r="AF18" s="937"/>
      <c r="AG18" s="937"/>
      <c r="AH18" s="938"/>
      <c r="AI18" s="839"/>
      <c r="AJ18" s="840"/>
      <c r="AK18" s="840"/>
      <c r="AL18" s="840"/>
      <c r="AM18" s="39" t="s">
        <v>13</v>
      </c>
      <c r="AN18" s="1036"/>
      <c r="AO18" s="1037"/>
      <c r="AP18" s="1037"/>
      <c r="AQ18" s="1037"/>
      <c r="AR18" s="1038"/>
      <c r="AS18" s="1041"/>
      <c r="AT18" s="1042"/>
      <c r="AU18" s="1043"/>
      <c r="AV18" s="741"/>
      <c r="AW18" s="740"/>
      <c r="AX18" s="982"/>
      <c r="AY18" s="983"/>
      <c r="AZ18" s="983"/>
      <c r="BA18" s="983"/>
      <c r="BB18" s="983"/>
      <c r="BC18" s="984"/>
      <c r="BD18" s="195"/>
      <c r="BE18" s="195"/>
      <c r="BF18" s="217">
        <v>5</v>
      </c>
      <c r="BG18" s="334"/>
      <c r="BH18" s="4"/>
      <c r="BI18" s="4"/>
      <c r="BJ18" s="4"/>
      <c r="BK18" s="4"/>
      <c r="BL18" s="4"/>
      <c r="BM18" s="4"/>
      <c r="BN18" s="4"/>
      <c r="BO18" s="4"/>
      <c r="BP18" s="4"/>
      <c r="BQ18" s="4"/>
      <c r="BR18" s="4"/>
      <c r="BS18" s="4"/>
      <c r="BT18" s="4"/>
      <c r="BU18" s="4"/>
      <c r="BV18" s="4"/>
      <c r="BW18" s="4"/>
      <c r="BX18" s="4"/>
      <c r="BY18" s="4"/>
      <c r="BZ18" s="4"/>
    </row>
    <row r="19" spans="1:78" s="270" customFormat="1" ht="29.25" customHeight="1" x14ac:dyDescent="0.2">
      <c r="A19" s="689"/>
      <c r="B19" s="690"/>
      <c r="C19" s="691"/>
      <c r="D19" s="948"/>
      <c r="E19" s="949"/>
      <c r="F19" s="988"/>
      <c r="G19" s="948"/>
      <c r="H19" s="949"/>
      <c r="I19" s="741"/>
      <c r="J19" s="739"/>
      <c r="K19" s="739"/>
      <c r="L19" s="739"/>
      <c r="M19" s="740"/>
      <c r="N19" s="933" t="str">
        <f>IF(I19="","",IFERROR(VLOOKUP(I19,製品リスト!$D$4:$F$1000,2,0),"SII登録型番を正しく入力してください"))</f>
        <v/>
      </c>
      <c r="O19" s="934"/>
      <c r="P19" s="934"/>
      <c r="Q19" s="934"/>
      <c r="R19" s="934"/>
      <c r="S19" s="934"/>
      <c r="T19" s="934"/>
      <c r="U19" s="935"/>
      <c r="V19" s="602" t="str">
        <f>IF(I19="","",IFERROR(VLOOKUP(I19,製品リスト!$D$4:$F$1000,3,0),"SII登録型番を正しく入力してください"))</f>
        <v/>
      </c>
      <c r="W19" s="603"/>
      <c r="X19" s="603"/>
      <c r="Y19" s="603"/>
      <c r="Z19" s="603"/>
      <c r="AA19" s="603"/>
      <c r="AB19" s="603"/>
      <c r="AC19" s="603"/>
      <c r="AD19" s="604"/>
      <c r="AE19" s="936"/>
      <c r="AF19" s="937"/>
      <c r="AG19" s="937"/>
      <c r="AH19" s="938"/>
      <c r="AI19" s="839"/>
      <c r="AJ19" s="840"/>
      <c r="AK19" s="840"/>
      <c r="AL19" s="840"/>
      <c r="AM19" s="39" t="s">
        <v>13</v>
      </c>
      <c r="AN19" s="1036"/>
      <c r="AO19" s="1037"/>
      <c r="AP19" s="1037"/>
      <c r="AQ19" s="1037"/>
      <c r="AR19" s="1038"/>
      <c r="AS19" s="1041"/>
      <c r="AT19" s="1042"/>
      <c r="AU19" s="1043"/>
      <c r="AV19" s="741"/>
      <c r="AW19" s="740"/>
      <c r="AX19" s="982"/>
      <c r="AY19" s="983"/>
      <c r="AZ19" s="983"/>
      <c r="BA19" s="983"/>
      <c r="BB19" s="983"/>
      <c r="BC19" s="984"/>
      <c r="BD19" s="195"/>
      <c r="BE19" s="195"/>
      <c r="BF19" s="176">
        <v>6</v>
      </c>
      <c r="BG19" s="334"/>
      <c r="BH19" s="4"/>
      <c r="BI19" s="4"/>
      <c r="BJ19" s="4"/>
      <c r="BK19" s="4"/>
      <c r="BL19" s="4"/>
      <c r="BM19" s="4"/>
      <c r="BN19" s="4"/>
      <c r="BO19" s="4"/>
      <c r="BP19" s="4"/>
      <c r="BQ19" s="4"/>
      <c r="BR19" s="4"/>
      <c r="BS19" s="4"/>
      <c r="BT19" s="4"/>
      <c r="BU19" s="4"/>
      <c r="BV19" s="4"/>
      <c r="BW19" s="4"/>
      <c r="BX19" s="4"/>
      <c r="BY19" s="4"/>
      <c r="BZ19" s="4"/>
    </row>
    <row r="20" spans="1:78" s="270" customFormat="1" ht="29.25" customHeight="1" x14ac:dyDescent="0.2">
      <c r="A20" s="689"/>
      <c r="B20" s="690"/>
      <c r="C20" s="691"/>
      <c r="D20" s="985"/>
      <c r="E20" s="986"/>
      <c r="F20" s="987"/>
      <c r="G20" s="985"/>
      <c r="H20" s="986"/>
      <c r="I20" s="956"/>
      <c r="J20" s="957"/>
      <c r="K20" s="957"/>
      <c r="L20" s="957"/>
      <c r="M20" s="958"/>
      <c r="N20" s="959" t="str">
        <f>IF(I20="","",IFERROR(VLOOKUP(I20,製品リスト!$D$4:$F$1000,2,0),"SII登録型番を正しく入力してください"))</f>
        <v/>
      </c>
      <c r="O20" s="960"/>
      <c r="P20" s="960"/>
      <c r="Q20" s="960"/>
      <c r="R20" s="960"/>
      <c r="S20" s="960"/>
      <c r="T20" s="960"/>
      <c r="U20" s="961"/>
      <c r="V20" s="993" t="str">
        <f>IF(I20="","",IFERROR(VLOOKUP(I20,製品リスト!$D$4:$F$1000,3,0),"SII登録型番を正しく入力してください"))</f>
        <v/>
      </c>
      <c r="W20" s="994"/>
      <c r="X20" s="994"/>
      <c r="Y20" s="994"/>
      <c r="Z20" s="994"/>
      <c r="AA20" s="994"/>
      <c r="AB20" s="994"/>
      <c r="AC20" s="994"/>
      <c r="AD20" s="995"/>
      <c r="AE20" s="996"/>
      <c r="AF20" s="997"/>
      <c r="AG20" s="997"/>
      <c r="AH20" s="998"/>
      <c r="AI20" s="841"/>
      <c r="AJ20" s="842"/>
      <c r="AK20" s="842"/>
      <c r="AL20" s="842"/>
      <c r="AM20" s="40" t="s">
        <v>13</v>
      </c>
      <c r="AN20" s="1036"/>
      <c r="AO20" s="1037"/>
      <c r="AP20" s="1037"/>
      <c r="AQ20" s="1037"/>
      <c r="AR20" s="1038"/>
      <c r="AS20" s="920"/>
      <c r="AT20" s="921"/>
      <c r="AU20" s="922"/>
      <c r="AV20" s="956"/>
      <c r="AW20" s="958"/>
      <c r="AX20" s="923"/>
      <c r="AY20" s="924"/>
      <c r="AZ20" s="924"/>
      <c r="BA20" s="924"/>
      <c r="BB20" s="924"/>
      <c r="BC20" s="925"/>
      <c r="BD20" s="195"/>
      <c r="BE20" s="195"/>
      <c r="BF20" s="172">
        <v>7</v>
      </c>
      <c r="BG20" s="334"/>
      <c r="BH20" s="4"/>
      <c r="BI20" s="4"/>
      <c r="BJ20" s="4"/>
      <c r="BK20" s="4"/>
      <c r="BL20" s="4"/>
      <c r="BM20" s="4"/>
      <c r="BN20" s="4"/>
      <c r="BO20" s="4"/>
      <c r="BP20" s="4"/>
      <c r="BQ20" s="4"/>
      <c r="BR20" s="4"/>
      <c r="BS20" s="4"/>
      <c r="BT20" s="4"/>
      <c r="BU20" s="4"/>
      <c r="BV20" s="4"/>
      <c r="BW20" s="4"/>
      <c r="BX20" s="4"/>
      <c r="BY20" s="4"/>
      <c r="BZ20" s="4"/>
    </row>
    <row r="21" spans="1:78" ht="33" customHeight="1" x14ac:dyDescent="0.2">
      <c r="A21" s="1006"/>
      <c r="B21" s="1007"/>
      <c r="C21" s="1008"/>
      <c r="D21" s="973" t="s">
        <v>58</v>
      </c>
      <c r="E21" s="974"/>
      <c r="F21" s="974"/>
      <c r="G21" s="974"/>
      <c r="H21" s="974"/>
      <c r="I21" s="974"/>
      <c r="J21" s="974"/>
      <c r="K21" s="974"/>
      <c r="L21" s="974"/>
      <c r="M21" s="974"/>
      <c r="N21" s="974"/>
      <c r="O21" s="974"/>
      <c r="P21" s="974"/>
      <c r="Q21" s="974"/>
      <c r="R21" s="974"/>
      <c r="S21" s="974"/>
      <c r="T21" s="974"/>
      <c r="U21" s="974"/>
      <c r="V21" s="974"/>
      <c r="W21" s="974"/>
      <c r="X21" s="974"/>
      <c r="Y21" s="974"/>
      <c r="Z21" s="974"/>
      <c r="AA21" s="974"/>
      <c r="AB21" s="974"/>
      <c r="AC21" s="974"/>
      <c r="AD21" s="974"/>
      <c r="AE21" s="974"/>
      <c r="AF21" s="974"/>
      <c r="AG21" s="974"/>
      <c r="AH21" s="974"/>
      <c r="AI21" s="974"/>
      <c r="AJ21" s="974"/>
      <c r="AK21" s="974"/>
      <c r="AL21" s="974"/>
      <c r="AM21" s="974"/>
      <c r="AN21" s="975" t="str">
        <f>IF(OR($G$6="■",AN16="",$V$14=""),"",ROUNDDOWN(AN16/V14,0))</f>
        <v/>
      </c>
      <c r="AO21" s="976"/>
      <c r="AP21" s="976"/>
      <c r="AQ21" s="976"/>
      <c r="AR21" s="977"/>
      <c r="AS21" s="978" t="s">
        <v>45</v>
      </c>
      <c r="AT21" s="979"/>
      <c r="AU21" s="979"/>
      <c r="AV21" s="979"/>
      <c r="AW21" s="979"/>
      <c r="AX21" s="980">
        <f>SUM(AX16:BC20)</f>
        <v>0</v>
      </c>
      <c r="AY21" s="980"/>
      <c r="AZ21" s="980"/>
      <c r="BA21" s="980"/>
      <c r="BB21" s="980"/>
      <c r="BC21" s="981"/>
      <c r="BD21" s="214"/>
      <c r="BE21" s="215"/>
      <c r="BF21" s="217">
        <v>8</v>
      </c>
      <c r="BG21" s="334"/>
    </row>
    <row r="22" spans="1:78" s="270" customFormat="1" ht="36" customHeight="1" thickBot="1" x14ac:dyDescent="0.25">
      <c r="A22" s="929" t="s">
        <v>43</v>
      </c>
      <c r="B22" s="687"/>
      <c r="C22" s="688"/>
      <c r="D22" s="970" t="s">
        <v>66</v>
      </c>
      <c r="E22" s="971"/>
      <c r="F22" s="971"/>
      <c r="G22" s="971"/>
      <c r="H22" s="971"/>
      <c r="I22" s="971"/>
      <c r="J22" s="971"/>
      <c r="K22" s="971"/>
      <c r="L22" s="971"/>
      <c r="M22" s="971"/>
      <c r="N22" s="971"/>
      <c r="O22" s="971"/>
      <c r="P22" s="971"/>
      <c r="Q22" s="971"/>
      <c r="R22" s="971"/>
      <c r="S22" s="971"/>
      <c r="T22" s="971"/>
      <c r="U22" s="971"/>
      <c r="V22" s="971"/>
      <c r="W22" s="971"/>
      <c r="X22" s="971"/>
      <c r="Y22" s="971"/>
      <c r="Z22" s="971"/>
      <c r="AA22" s="971"/>
      <c r="AB22" s="971"/>
      <c r="AC22" s="971"/>
      <c r="AD22" s="971"/>
      <c r="AE22" s="971"/>
      <c r="AF22" s="971"/>
      <c r="AG22" s="971"/>
      <c r="AH22" s="971"/>
      <c r="AI22" s="971"/>
      <c r="AJ22" s="971"/>
      <c r="AK22" s="971"/>
      <c r="AL22" s="971"/>
      <c r="AM22" s="971"/>
      <c r="AN22" s="971"/>
      <c r="AO22" s="971"/>
      <c r="AP22" s="971"/>
      <c r="AQ22" s="971"/>
      <c r="AR22" s="971"/>
      <c r="AS22" s="971"/>
      <c r="AT22" s="971"/>
      <c r="AU22" s="971"/>
      <c r="AV22" s="971"/>
      <c r="AW22" s="972"/>
      <c r="AX22" s="930"/>
      <c r="AY22" s="931"/>
      <c r="AZ22" s="931"/>
      <c r="BA22" s="931"/>
      <c r="BB22" s="931"/>
      <c r="BC22" s="932"/>
      <c r="BD22" s="195"/>
      <c r="BE22" s="195"/>
      <c r="BF22" s="176">
        <v>9</v>
      </c>
      <c r="BG22" s="334"/>
      <c r="BH22" s="4"/>
      <c r="BI22" s="4"/>
      <c r="BJ22" s="4"/>
      <c r="BK22" s="4"/>
      <c r="BL22" s="4"/>
      <c r="BM22" s="4"/>
      <c r="BN22" s="4"/>
      <c r="BO22" s="4"/>
      <c r="BP22" s="4"/>
      <c r="BQ22" s="4"/>
      <c r="BR22" s="4"/>
      <c r="BS22" s="4"/>
      <c r="BT22" s="4"/>
      <c r="BU22" s="4"/>
      <c r="BV22" s="4"/>
      <c r="BW22" s="4"/>
      <c r="BX22" s="4"/>
      <c r="BY22" s="4"/>
      <c r="BZ22" s="4"/>
    </row>
    <row r="23" spans="1:78" s="270" customFormat="1" ht="36" customHeight="1" thickTop="1" thickBot="1" x14ac:dyDescent="0.25">
      <c r="A23" s="965" t="s">
        <v>67</v>
      </c>
      <c r="B23" s="966"/>
      <c r="C23" s="966"/>
      <c r="D23" s="966"/>
      <c r="E23" s="966"/>
      <c r="F23" s="966"/>
      <c r="G23" s="966"/>
      <c r="H23" s="966"/>
      <c r="I23" s="966"/>
      <c r="J23" s="966"/>
      <c r="K23" s="966"/>
      <c r="L23" s="966"/>
      <c r="M23" s="966"/>
      <c r="N23" s="966"/>
      <c r="O23" s="966"/>
      <c r="P23" s="966"/>
      <c r="Q23" s="966"/>
      <c r="R23" s="966"/>
      <c r="S23" s="966"/>
      <c r="T23" s="966"/>
      <c r="U23" s="966"/>
      <c r="V23" s="966"/>
      <c r="W23" s="966"/>
      <c r="X23" s="966"/>
      <c r="Y23" s="966"/>
      <c r="Z23" s="966"/>
      <c r="AA23" s="966"/>
      <c r="AB23" s="966"/>
      <c r="AC23" s="966"/>
      <c r="AD23" s="966"/>
      <c r="AE23" s="966"/>
      <c r="AF23" s="966"/>
      <c r="AG23" s="966"/>
      <c r="AH23" s="966"/>
      <c r="AI23" s="966"/>
      <c r="AJ23" s="966"/>
      <c r="AK23" s="966"/>
      <c r="AL23" s="966"/>
      <c r="AM23" s="966"/>
      <c r="AN23" s="966"/>
      <c r="AO23" s="966"/>
      <c r="AP23" s="966"/>
      <c r="AQ23" s="966"/>
      <c r="AR23" s="966"/>
      <c r="AS23" s="966"/>
      <c r="AT23" s="966"/>
      <c r="AU23" s="966"/>
      <c r="AV23" s="966"/>
      <c r="AW23" s="966"/>
      <c r="AX23" s="967">
        <f>SUM(AX21:BC22)</f>
        <v>0</v>
      </c>
      <c r="AY23" s="968"/>
      <c r="AZ23" s="968"/>
      <c r="BA23" s="968"/>
      <c r="BB23" s="968"/>
      <c r="BC23" s="969"/>
      <c r="BD23" s="210"/>
      <c r="BE23" s="210"/>
      <c r="BF23" s="172">
        <v>10</v>
      </c>
      <c r="BG23" s="334"/>
      <c r="BH23" s="4"/>
      <c r="BI23" s="4"/>
      <c r="BJ23" s="4"/>
      <c r="BK23" s="4"/>
      <c r="BL23" s="4"/>
      <c r="BM23" s="4"/>
      <c r="BN23" s="4"/>
      <c r="BO23" s="4"/>
      <c r="BP23" s="4"/>
      <c r="BQ23" s="4"/>
      <c r="BR23" s="4"/>
      <c r="BS23" s="4"/>
      <c r="BT23" s="4"/>
      <c r="BU23" s="4"/>
      <c r="BV23" s="4"/>
      <c r="BW23" s="4"/>
      <c r="BX23" s="4"/>
      <c r="BY23" s="4"/>
      <c r="BZ23" s="4"/>
    </row>
    <row r="24" spans="1:78" s="270" customFormat="1" ht="12.75" customHeight="1" thickBot="1" x14ac:dyDescent="0.25">
      <c r="A24" s="44"/>
      <c r="B24" s="44"/>
      <c r="C24" s="44"/>
      <c r="D24" s="44"/>
      <c r="E24" s="44"/>
      <c r="F24" s="44"/>
      <c r="G24" s="44"/>
      <c r="H24" s="44"/>
      <c r="I24" s="44"/>
      <c r="J24" s="44"/>
      <c r="K24" s="44"/>
      <c r="L24" s="44"/>
      <c r="M24" s="44"/>
      <c r="N24" s="44"/>
      <c r="O24" s="44"/>
      <c r="P24" s="44"/>
      <c r="Q24" s="44"/>
      <c r="R24" s="44"/>
      <c r="S24" s="44"/>
      <c r="T24" s="44"/>
      <c r="U24" s="44"/>
      <c r="V24" s="44"/>
      <c r="W24" s="44"/>
      <c r="X24" s="44"/>
      <c r="Y24" s="44"/>
      <c r="Z24" s="44"/>
      <c r="AA24" s="44"/>
      <c r="AB24" s="44"/>
      <c r="AC24" s="44"/>
      <c r="AD24" s="44"/>
      <c r="AE24" s="45"/>
      <c r="AF24" s="45"/>
      <c r="AG24" s="45"/>
      <c r="AH24" s="45"/>
      <c r="AI24" s="45"/>
      <c r="AJ24" s="45"/>
      <c r="AK24" s="45"/>
      <c r="AL24" s="45"/>
      <c r="AM24" s="45"/>
      <c r="AN24" s="45"/>
      <c r="AO24" s="45"/>
      <c r="AP24" s="45"/>
      <c r="AQ24" s="45"/>
      <c r="AR24" s="45"/>
      <c r="AS24" s="46"/>
      <c r="AT24" s="46"/>
      <c r="AU24" s="46"/>
      <c r="AV24" s="47"/>
      <c r="AW24" s="47"/>
      <c r="AX24" s="48"/>
      <c r="AY24" s="48"/>
      <c r="AZ24" s="48"/>
      <c r="BA24" s="48"/>
      <c r="BB24" s="48"/>
      <c r="BC24" s="48"/>
      <c r="BD24" s="211"/>
      <c r="BE24" s="211"/>
      <c r="BF24" s="175"/>
      <c r="BG24" s="336"/>
      <c r="BH24" s="4"/>
      <c r="BI24" s="4"/>
      <c r="BJ24" s="4"/>
      <c r="BK24" s="4"/>
      <c r="BL24" s="4"/>
      <c r="BM24" s="4"/>
      <c r="BN24" s="4"/>
      <c r="BO24" s="4"/>
      <c r="BP24" s="4"/>
      <c r="BQ24" s="4"/>
      <c r="BR24" s="4"/>
      <c r="BS24" s="4"/>
      <c r="BT24" s="4"/>
      <c r="BU24" s="4"/>
      <c r="BV24" s="4"/>
      <c r="BW24" s="4"/>
      <c r="BX24" s="4"/>
      <c r="BY24" s="4"/>
      <c r="BZ24" s="4"/>
    </row>
    <row r="25" spans="1:78" ht="34.5" customHeight="1" thickBot="1" x14ac:dyDescent="0.25">
      <c r="A25" s="950" t="s">
        <v>39</v>
      </c>
      <c r="B25" s="951"/>
      <c r="C25" s="952"/>
      <c r="D25" s="1004"/>
      <c r="E25" s="1004"/>
      <c r="F25" s="1004"/>
      <c r="G25" s="1004"/>
      <c r="H25" s="1004"/>
      <c r="I25" s="1004"/>
      <c r="J25" s="1004"/>
      <c r="K25" s="1004"/>
      <c r="L25" s="1004"/>
      <c r="M25" s="1005"/>
      <c r="N25" s="942" t="s">
        <v>57</v>
      </c>
      <c r="O25" s="942"/>
      <c r="P25" s="942"/>
      <c r="Q25" s="942"/>
      <c r="R25" s="942"/>
      <c r="S25" s="942"/>
      <c r="T25" s="942"/>
      <c r="U25" s="942"/>
      <c r="V25" s="989"/>
      <c r="W25" s="990"/>
      <c r="X25" s="990"/>
      <c r="Y25" s="990"/>
      <c r="Z25" s="990"/>
      <c r="AA25" s="990"/>
      <c r="AB25" s="990"/>
      <c r="AC25" s="991" t="s">
        <v>44</v>
      </c>
      <c r="AD25" s="992"/>
      <c r="AE25" s="250" t="s">
        <v>969</v>
      </c>
      <c r="AF25" s="49"/>
      <c r="AG25" s="49"/>
      <c r="AH25" s="49"/>
      <c r="AI25" s="50"/>
      <c r="AJ25" s="49"/>
      <c r="AK25" s="49"/>
      <c r="AL25" s="49"/>
      <c r="AM25" s="49"/>
      <c r="AN25" s="49"/>
      <c r="AO25" s="49"/>
      <c r="AP25" s="49"/>
      <c r="AQ25" s="49"/>
      <c r="AR25" s="49"/>
      <c r="AS25" s="49"/>
      <c r="AT25" s="49"/>
      <c r="AU25" s="49"/>
      <c r="AV25" s="49"/>
      <c r="AW25" s="49"/>
      <c r="AX25" s="49"/>
      <c r="AY25" s="49"/>
      <c r="AZ25" s="49"/>
      <c r="BA25" s="49"/>
      <c r="BB25" s="49"/>
      <c r="BC25" s="49"/>
      <c r="BF25" s="172">
        <v>11</v>
      </c>
      <c r="BG25" s="334"/>
    </row>
    <row r="26" spans="1:78" ht="61.5" customHeight="1" x14ac:dyDescent="0.2">
      <c r="A26" s="953" t="s">
        <v>25</v>
      </c>
      <c r="B26" s="954"/>
      <c r="C26" s="955"/>
      <c r="D26" s="944" t="s">
        <v>14</v>
      </c>
      <c r="E26" s="945"/>
      <c r="F26" s="943" t="s">
        <v>9</v>
      </c>
      <c r="G26" s="944"/>
      <c r="H26" s="945"/>
      <c r="I26" s="943" t="s">
        <v>24</v>
      </c>
      <c r="J26" s="944"/>
      <c r="K26" s="944"/>
      <c r="L26" s="944"/>
      <c r="M26" s="945"/>
      <c r="N26" s="1001" t="s">
        <v>7</v>
      </c>
      <c r="O26" s="1002"/>
      <c r="P26" s="1002"/>
      <c r="Q26" s="1002"/>
      <c r="R26" s="1002"/>
      <c r="S26" s="1002"/>
      <c r="T26" s="1002"/>
      <c r="U26" s="1003"/>
      <c r="V26" s="1001" t="s">
        <v>2</v>
      </c>
      <c r="W26" s="1002"/>
      <c r="X26" s="1002"/>
      <c r="Y26" s="1002"/>
      <c r="Z26" s="1002"/>
      <c r="AA26" s="1002"/>
      <c r="AB26" s="1002"/>
      <c r="AC26" s="1002"/>
      <c r="AD26" s="1003"/>
      <c r="AE26" s="1028" t="s">
        <v>46</v>
      </c>
      <c r="AF26" s="1039"/>
      <c r="AG26" s="1039"/>
      <c r="AH26" s="1040"/>
      <c r="AI26" s="1028" t="s">
        <v>47</v>
      </c>
      <c r="AJ26" s="1029"/>
      <c r="AK26" s="1029"/>
      <c r="AL26" s="1029"/>
      <c r="AM26" s="1030"/>
      <c r="AN26" s="1031" t="s">
        <v>60</v>
      </c>
      <c r="AO26" s="1032"/>
      <c r="AP26" s="1032"/>
      <c r="AQ26" s="1032"/>
      <c r="AR26" s="1033"/>
      <c r="AS26" s="779" t="s">
        <v>27</v>
      </c>
      <c r="AT26" s="1039"/>
      <c r="AU26" s="1040"/>
      <c r="AV26" s="779" t="s">
        <v>42</v>
      </c>
      <c r="AW26" s="947"/>
      <c r="AX26" s="1034" t="s">
        <v>1</v>
      </c>
      <c r="AY26" s="946"/>
      <c r="AZ26" s="946"/>
      <c r="BA26" s="946"/>
      <c r="BB26" s="946"/>
      <c r="BC26" s="1035"/>
      <c r="BD26" s="213"/>
      <c r="BE26" s="213"/>
      <c r="BF26" s="174"/>
    </row>
    <row r="27" spans="1:78" s="270" customFormat="1" ht="29.25" customHeight="1" x14ac:dyDescent="0.2">
      <c r="A27" s="689" t="s">
        <v>26</v>
      </c>
      <c r="B27" s="690"/>
      <c r="C27" s="691"/>
      <c r="D27" s="761"/>
      <c r="E27" s="762"/>
      <c r="F27" s="763"/>
      <c r="G27" s="761"/>
      <c r="H27" s="762"/>
      <c r="I27" s="763"/>
      <c r="J27" s="761"/>
      <c r="K27" s="761"/>
      <c r="L27" s="761"/>
      <c r="M27" s="762"/>
      <c r="N27" s="962" t="str">
        <f>IF(I27="","",IFERROR(VLOOKUP(I27,製品リスト!$D$4:$F$1000,2,0),"SII登録型番を正しく入力してください"))</f>
        <v/>
      </c>
      <c r="O27" s="963"/>
      <c r="P27" s="963"/>
      <c r="Q27" s="963"/>
      <c r="R27" s="963"/>
      <c r="S27" s="963"/>
      <c r="T27" s="963"/>
      <c r="U27" s="964"/>
      <c r="V27" s="962" t="str">
        <f>IF(I27="","",IFERROR(VLOOKUP(I27,製品リスト!$D$4:$F$1000,3,0),"SII登録型番を正しく入力してください"))</f>
        <v/>
      </c>
      <c r="W27" s="963"/>
      <c r="X27" s="963"/>
      <c r="Y27" s="963"/>
      <c r="Z27" s="963"/>
      <c r="AA27" s="963"/>
      <c r="AB27" s="963"/>
      <c r="AC27" s="963"/>
      <c r="AD27" s="964"/>
      <c r="AE27" s="1019"/>
      <c r="AF27" s="1020"/>
      <c r="AG27" s="1020"/>
      <c r="AH27" s="1021"/>
      <c r="AI27" s="852"/>
      <c r="AJ27" s="853"/>
      <c r="AK27" s="853"/>
      <c r="AL27" s="853"/>
      <c r="AM27" s="114" t="s">
        <v>23</v>
      </c>
      <c r="AN27" s="1036">
        <f>SUM(AE27*AI27,AE28*AI28,AE29*AI29,AE30*AI30,AE31*AI31)</f>
        <v>0</v>
      </c>
      <c r="AO27" s="1037"/>
      <c r="AP27" s="1037"/>
      <c r="AQ27" s="1037"/>
      <c r="AR27" s="1038"/>
      <c r="AS27" s="1044"/>
      <c r="AT27" s="1045"/>
      <c r="AU27" s="1046"/>
      <c r="AV27" s="763"/>
      <c r="AW27" s="762"/>
      <c r="AX27" s="926"/>
      <c r="AY27" s="927"/>
      <c r="AZ27" s="927"/>
      <c r="BA27" s="927"/>
      <c r="BB27" s="927"/>
      <c r="BC27" s="928"/>
      <c r="BD27" s="195"/>
      <c r="BE27" s="195"/>
      <c r="BF27" s="172">
        <v>12</v>
      </c>
      <c r="BG27" s="334"/>
      <c r="BH27" s="4"/>
      <c r="BI27" s="4"/>
      <c r="BJ27" s="4"/>
      <c r="BK27" s="4"/>
      <c r="BL27" s="4"/>
      <c r="BM27" s="4"/>
      <c r="BN27" s="4"/>
      <c r="BO27" s="4"/>
      <c r="BP27" s="4"/>
      <c r="BQ27" s="4"/>
      <c r="BR27" s="4"/>
      <c r="BS27" s="4"/>
      <c r="BT27" s="4"/>
      <c r="BU27" s="4"/>
      <c r="BV27" s="4"/>
      <c r="BW27" s="4"/>
      <c r="BX27" s="4"/>
      <c r="BY27" s="4"/>
      <c r="BZ27" s="4"/>
    </row>
    <row r="28" spans="1:78" s="270" customFormat="1" ht="29.25" customHeight="1" x14ac:dyDescent="0.2">
      <c r="A28" s="689"/>
      <c r="B28" s="690"/>
      <c r="C28" s="691"/>
      <c r="D28" s="948"/>
      <c r="E28" s="949"/>
      <c r="F28" s="988"/>
      <c r="G28" s="948"/>
      <c r="H28" s="949"/>
      <c r="I28" s="741"/>
      <c r="J28" s="739"/>
      <c r="K28" s="739"/>
      <c r="L28" s="739"/>
      <c r="M28" s="740"/>
      <c r="N28" s="933" t="str">
        <f>IF(I28="","",IFERROR(VLOOKUP(I28,製品リスト!$D$4:$F$1000,2,0),"SII登録型番を正しく入力してください"))</f>
        <v/>
      </c>
      <c r="O28" s="934"/>
      <c r="P28" s="934"/>
      <c r="Q28" s="934"/>
      <c r="R28" s="934"/>
      <c r="S28" s="934"/>
      <c r="T28" s="934"/>
      <c r="U28" s="935"/>
      <c r="V28" s="933" t="str">
        <f>IF(I28="","",IFERROR(VLOOKUP(I28,製品リスト!$D$4:$F$1000,3,0),"SII登録型番を正しく入力してください"))</f>
        <v/>
      </c>
      <c r="W28" s="934"/>
      <c r="X28" s="934"/>
      <c r="Y28" s="934"/>
      <c r="Z28" s="934"/>
      <c r="AA28" s="934"/>
      <c r="AB28" s="934"/>
      <c r="AC28" s="934"/>
      <c r="AD28" s="935"/>
      <c r="AE28" s="936"/>
      <c r="AF28" s="937"/>
      <c r="AG28" s="937"/>
      <c r="AH28" s="938"/>
      <c r="AI28" s="839"/>
      <c r="AJ28" s="840"/>
      <c r="AK28" s="840"/>
      <c r="AL28" s="840"/>
      <c r="AM28" s="39" t="s">
        <v>23</v>
      </c>
      <c r="AN28" s="1036"/>
      <c r="AO28" s="1037"/>
      <c r="AP28" s="1037"/>
      <c r="AQ28" s="1037"/>
      <c r="AR28" s="1038"/>
      <c r="AS28" s="1041"/>
      <c r="AT28" s="1042"/>
      <c r="AU28" s="1043"/>
      <c r="AV28" s="741"/>
      <c r="AW28" s="740"/>
      <c r="AX28" s="982"/>
      <c r="AY28" s="983"/>
      <c r="AZ28" s="983"/>
      <c r="BA28" s="983"/>
      <c r="BB28" s="983"/>
      <c r="BC28" s="984"/>
      <c r="BD28" s="195"/>
      <c r="BE28" s="195"/>
      <c r="BF28" s="217">
        <v>13</v>
      </c>
      <c r="BG28" s="334"/>
      <c r="BH28" s="4"/>
      <c r="BI28" s="4"/>
      <c r="BJ28" s="4"/>
      <c r="BK28" s="4"/>
      <c r="BL28" s="4"/>
      <c r="BM28" s="4"/>
      <c r="BN28" s="4"/>
      <c r="BO28" s="4"/>
      <c r="BP28" s="4"/>
      <c r="BQ28" s="4"/>
      <c r="BR28" s="4"/>
      <c r="BS28" s="4"/>
      <c r="BT28" s="4"/>
      <c r="BU28" s="4"/>
      <c r="BV28" s="4"/>
      <c r="BW28" s="4"/>
      <c r="BX28" s="4"/>
      <c r="BY28" s="4"/>
      <c r="BZ28" s="4"/>
    </row>
    <row r="29" spans="1:78" s="270" customFormat="1" ht="29.25" customHeight="1" x14ac:dyDescent="0.2">
      <c r="A29" s="689"/>
      <c r="B29" s="690"/>
      <c r="C29" s="691"/>
      <c r="D29" s="948"/>
      <c r="E29" s="949"/>
      <c r="F29" s="988"/>
      <c r="G29" s="948"/>
      <c r="H29" s="949"/>
      <c r="I29" s="741"/>
      <c r="J29" s="739"/>
      <c r="K29" s="739"/>
      <c r="L29" s="739"/>
      <c r="M29" s="740"/>
      <c r="N29" s="933" t="str">
        <f>IF(I29="","",IFERROR(VLOOKUP(I29,製品リスト!$D$4:$F$1000,2,0),"SII登録型番を正しく入力してください"))</f>
        <v/>
      </c>
      <c r="O29" s="934"/>
      <c r="P29" s="934"/>
      <c r="Q29" s="934"/>
      <c r="R29" s="934"/>
      <c r="S29" s="934"/>
      <c r="T29" s="934"/>
      <c r="U29" s="935"/>
      <c r="V29" s="933" t="str">
        <f>IF(I29="","",IFERROR(VLOOKUP(I29,製品リスト!$D$4:$F$1000,3,0),"SII登録型番を正しく入力してください"))</f>
        <v/>
      </c>
      <c r="W29" s="934"/>
      <c r="X29" s="934"/>
      <c r="Y29" s="934"/>
      <c r="Z29" s="934"/>
      <c r="AA29" s="934"/>
      <c r="AB29" s="934"/>
      <c r="AC29" s="934"/>
      <c r="AD29" s="935"/>
      <c r="AE29" s="936"/>
      <c r="AF29" s="937"/>
      <c r="AG29" s="937"/>
      <c r="AH29" s="938"/>
      <c r="AI29" s="839"/>
      <c r="AJ29" s="840"/>
      <c r="AK29" s="840"/>
      <c r="AL29" s="840"/>
      <c r="AM29" s="39" t="s">
        <v>13</v>
      </c>
      <c r="AN29" s="1036"/>
      <c r="AO29" s="1037"/>
      <c r="AP29" s="1037"/>
      <c r="AQ29" s="1037"/>
      <c r="AR29" s="1038"/>
      <c r="AS29" s="1041"/>
      <c r="AT29" s="1042"/>
      <c r="AU29" s="1043"/>
      <c r="AV29" s="741"/>
      <c r="AW29" s="740"/>
      <c r="AX29" s="982"/>
      <c r="AY29" s="983"/>
      <c r="AZ29" s="983"/>
      <c r="BA29" s="983"/>
      <c r="BB29" s="983"/>
      <c r="BC29" s="984"/>
      <c r="BD29" s="195"/>
      <c r="BE29" s="195"/>
      <c r="BF29" s="172">
        <v>14</v>
      </c>
      <c r="BG29" s="334"/>
      <c r="BH29" s="4"/>
      <c r="BI29" s="4"/>
      <c r="BJ29" s="4"/>
      <c r="BK29" s="4"/>
      <c r="BL29" s="4"/>
      <c r="BM29" s="4"/>
      <c r="BN29" s="4"/>
      <c r="BO29" s="4"/>
      <c r="BP29" s="4"/>
      <c r="BQ29" s="4"/>
      <c r="BR29" s="4"/>
      <c r="BS29" s="4"/>
      <c r="BT29" s="4"/>
      <c r="BU29" s="4"/>
      <c r="BV29" s="4"/>
      <c r="BW29" s="4"/>
      <c r="BX29" s="4"/>
      <c r="BY29" s="4"/>
      <c r="BZ29" s="4"/>
    </row>
    <row r="30" spans="1:78" s="270" customFormat="1" ht="29.25" customHeight="1" x14ac:dyDescent="0.2">
      <c r="A30" s="689"/>
      <c r="B30" s="690"/>
      <c r="C30" s="691"/>
      <c r="D30" s="948"/>
      <c r="E30" s="949"/>
      <c r="F30" s="988"/>
      <c r="G30" s="948"/>
      <c r="H30" s="949"/>
      <c r="I30" s="741"/>
      <c r="J30" s="739"/>
      <c r="K30" s="739"/>
      <c r="L30" s="739"/>
      <c r="M30" s="740"/>
      <c r="N30" s="933" t="str">
        <f>IF(I30="","",IFERROR(VLOOKUP(I30,製品リスト!$D$4:$F$1000,2,0),"SII登録型番を正しく入力してください"))</f>
        <v/>
      </c>
      <c r="O30" s="934"/>
      <c r="P30" s="934"/>
      <c r="Q30" s="934"/>
      <c r="R30" s="934"/>
      <c r="S30" s="934"/>
      <c r="T30" s="934"/>
      <c r="U30" s="935"/>
      <c r="V30" s="933" t="str">
        <f>IF(I30="","",IFERROR(VLOOKUP(I30,製品リスト!$D$4:$F$1000,3,0),"SII登録型番を正しく入力してください"))</f>
        <v/>
      </c>
      <c r="W30" s="934"/>
      <c r="X30" s="934"/>
      <c r="Y30" s="934"/>
      <c r="Z30" s="934"/>
      <c r="AA30" s="934"/>
      <c r="AB30" s="934"/>
      <c r="AC30" s="934"/>
      <c r="AD30" s="935"/>
      <c r="AE30" s="936"/>
      <c r="AF30" s="937"/>
      <c r="AG30" s="937"/>
      <c r="AH30" s="938"/>
      <c r="AI30" s="839"/>
      <c r="AJ30" s="840"/>
      <c r="AK30" s="840"/>
      <c r="AL30" s="840"/>
      <c r="AM30" s="39" t="s">
        <v>13</v>
      </c>
      <c r="AN30" s="1036"/>
      <c r="AO30" s="1037"/>
      <c r="AP30" s="1037"/>
      <c r="AQ30" s="1037"/>
      <c r="AR30" s="1038"/>
      <c r="AS30" s="1041"/>
      <c r="AT30" s="1042"/>
      <c r="AU30" s="1043"/>
      <c r="AV30" s="741"/>
      <c r="AW30" s="740"/>
      <c r="AX30" s="982"/>
      <c r="AY30" s="983"/>
      <c r="AZ30" s="983"/>
      <c r="BA30" s="983"/>
      <c r="BB30" s="983"/>
      <c r="BC30" s="984"/>
      <c r="BD30" s="195"/>
      <c r="BE30" s="195"/>
      <c r="BF30" s="217">
        <v>15</v>
      </c>
      <c r="BG30" s="334"/>
      <c r="BH30" s="4"/>
      <c r="BI30" s="4"/>
      <c r="BJ30" s="4"/>
      <c r="BK30" s="4"/>
      <c r="BL30" s="4"/>
      <c r="BM30" s="4"/>
      <c r="BN30" s="4"/>
      <c r="BO30" s="4"/>
      <c r="BP30" s="4"/>
      <c r="BQ30" s="4"/>
      <c r="BR30" s="4"/>
      <c r="BS30" s="4"/>
      <c r="BT30" s="4"/>
      <c r="BU30" s="4"/>
      <c r="BV30" s="4"/>
      <c r="BW30" s="4"/>
      <c r="BX30" s="4"/>
      <c r="BY30" s="4"/>
      <c r="BZ30" s="4"/>
    </row>
    <row r="31" spans="1:78" s="270" customFormat="1" ht="29.25" customHeight="1" x14ac:dyDescent="0.2">
      <c r="A31" s="689"/>
      <c r="B31" s="690"/>
      <c r="C31" s="691"/>
      <c r="D31" s="985"/>
      <c r="E31" s="986"/>
      <c r="F31" s="987"/>
      <c r="G31" s="985"/>
      <c r="H31" s="986"/>
      <c r="I31" s="956"/>
      <c r="J31" s="957"/>
      <c r="K31" s="957"/>
      <c r="L31" s="957"/>
      <c r="M31" s="958"/>
      <c r="N31" s="959" t="str">
        <f>IF(I31="","",IFERROR(VLOOKUP(I31,製品リスト!$D$4:$F$1000,2,0),"SII登録型番を正しく入力してください"))</f>
        <v/>
      </c>
      <c r="O31" s="960"/>
      <c r="P31" s="960"/>
      <c r="Q31" s="960"/>
      <c r="R31" s="960"/>
      <c r="S31" s="960"/>
      <c r="T31" s="960"/>
      <c r="U31" s="961"/>
      <c r="V31" s="959" t="str">
        <f>IF(I31="","",IFERROR(VLOOKUP(I31,製品リスト!$D$4:$F$1000,3,0),"SII登録型番を正しく入力してください"))</f>
        <v/>
      </c>
      <c r="W31" s="960"/>
      <c r="X31" s="960"/>
      <c r="Y31" s="960"/>
      <c r="Z31" s="960"/>
      <c r="AA31" s="960"/>
      <c r="AB31" s="960"/>
      <c r="AC31" s="960"/>
      <c r="AD31" s="961"/>
      <c r="AE31" s="996"/>
      <c r="AF31" s="997"/>
      <c r="AG31" s="997"/>
      <c r="AH31" s="998"/>
      <c r="AI31" s="841"/>
      <c r="AJ31" s="842"/>
      <c r="AK31" s="842"/>
      <c r="AL31" s="842"/>
      <c r="AM31" s="40" t="s">
        <v>13</v>
      </c>
      <c r="AN31" s="1036"/>
      <c r="AO31" s="1037"/>
      <c r="AP31" s="1037"/>
      <c r="AQ31" s="1037"/>
      <c r="AR31" s="1038"/>
      <c r="AS31" s="1047"/>
      <c r="AT31" s="1048"/>
      <c r="AU31" s="1049"/>
      <c r="AV31" s="956"/>
      <c r="AW31" s="958"/>
      <c r="AX31" s="923"/>
      <c r="AY31" s="924"/>
      <c r="AZ31" s="924"/>
      <c r="BA31" s="924"/>
      <c r="BB31" s="924"/>
      <c r="BC31" s="925"/>
      <c r="BD31" s="195"/>
      <c r="BE31" s="195"/>
      <c r="BF31" s="172">
        <v>16</v>
      </c>
      <c r="BG31" s="334"/>
      <c r="BH31" s="4"/>
      <c r="BI31" s="4"/>
      <c r="BJ31" s="4"/>
      <c r="BK31" s="4"/>
      <c r="BL31" s="4"/>
      <c r="BM31" s="4"/>
      <c r="BN31" s="4"/>
      <c r="BO31" s="4"/>
      <c r="BP31" s="4"/>
      <c r="BQ31" s="4"/>
      <c r="BR31" s="4"/>
      <c r="BS31" s="4"/>
      <c r="BT31" s="4"/>
      <c r="BU31" s="4"/>
      <c r="BV31" s="4"/>
      <c r="BW31" s="4"/>
      <c r="BX31" s="4"/>
      <c r="BY31" s="4"/>
      <c r="BZ31" s="4"/>
    </row>
    <row r="32" spans="1:78" ht="33" customHeight="1" x14ac:dyDescent="0.2">
      <c r="A32" s="1006"/>
      <c r="B32" s="1007"/>
      <c r="C32" s="1008"/>
      <c r="D32" s="973" t="s">
        <v>58</v>
      </c>
      <c r="E32" s="974"/>
      <c r="F32" s="974"/>
      <c r="G32" s="974"/>
      <c r="H32" s="974"/>
      <c r="I32" s="974"/>
      <c r="J32" s="974"/>
      <c r="K32" s="974"/>
      <c r="L32" s="974"/>
      <c r="M32" s="974"/>
      <c r="N32" s="974"/>
      <c r="O32" s="974"/>
      <c r="P32" s="974"/>
      <c r="Q32" s="974"/>
      <c r="R32" s="974"/>
      <c r="S32" s="974"/>
      <c r="T32" s="974"/>
      <c r="U32" s="974"/>
      <c r="V32" s="974"/>
      <c r="W32" s="974"/>
      <c r="X32" s="974"/>
      <c r="Y32" s="974"/>
      <c r="Z32" s="974"/>
      <c r="AA32" s="974"/>
      <c r="AB32" s="974"/>
      <c r="AC32" s="974"/>
      <c r="AD32" s="974"/>
      <c r="AE32" s="974"/>
      <c r="AF32" s="974"/>
      <c r="AG32" s="974"/>
      <c r="AH32" s="974"/>
      <c r="AI32" s="974"/>
      <c r="AJ32" s="974"/>
      <c r="AK32" s="974"/>
      <c r="AL32" s="974"/>
      <c r="AM32" s="974"/>
      <c r="AN32" s="975" t="str">
        <f>IF(OR($G$6="■",AN27="",$V$25=""),"",ROUNDDOWN(AN27/V25,0))</f>
        <v/>
      </c>
      <c r="AO32" s="976"/>
      <c r="AP32" s="976"/>
      <c r="AQ32" s="976"/>
      <c r="AR32" s="977"/>
      <c r="AS32" s="978" t="s">
        <v>45</v>
      </c>
      <c r="AT32" s="979"/>
      <c r="AU32" s="979"/>
      <c r="AV32" s="979"/>
      <c r="AW32" s="979"/>
      <c r="AX32" s="980">
        <f>SUM(AX27:BC31)</f>
        <v>0</v>
      </c>
      <c r="AY32" s="980"/>
      <c r="AZ32" s="980"/>
      <c r="BA32" s="980"/>
      <c r="BB32" s="980"/>
      <c r="BC32" s="981"/>
      <c r="BD32" s="214"/>
      <c r="BE32" s="215"/>
      <c r="BF32" s="217">
        <v>17</v>
      </c>
      <c r="BG32" s="334"/>
    </row>
    <row r="33" spans="1:78" s="270" customFormat="1" ht="36" customHeight="1" thickBot="1" x14ac:dyDescent="0.25">
      <c r="A33" s="929" t="s">
        <v>43</v>
      </c>
      <c r="B33" s="687"/>
      <c r="C33" s="688"/>
      <c r="D33" s="970" t="s">
        <v>66</v>
      </c>
      <c r="E33" s="971"/>
      <c r="F33" s="971"/>
      <c r="G33" s="971"/>
      <c r="H33" s="971"/>
      <c r="I33" s="971"/>
      <c r="J33" s="971"/>
      <c r="K33" s="971"/>
      <c r="L33" s="971"/>
      <c r="M33" s="971"/>
      <c r="N33" s="971"/>
      <c r="O33" s="971"/>
      <c r="P33" s="971"/>
      <c r="Q33" s="971"/>
      <c r="R33" s="971"/>
      <c r="S33" s="971"/>
      <c r="T33" s="971"/>
      <c r="U33" s="971"/>
      <c r="V33" s="971"/>
      <c r="W33" s="971"/>
      <c r="X33" s="971"/>
      <c r="Y33" s="971"/>
      <c r="Z33" s="971"/>
      <c r="AA33" s="971"/>
      <c r="AB33" s="971"/>
      <c r="AC33" s="971"/>
      <c r="AD33" s="971"/>
      <c r="AE33" s="971"/>
      <c r="AF33" s="971"/>
      <c r="AG33" s="971"/>
      <c r="AH33" s="971"/>
      <c r="AI33" s="971"/>
      <c r="AJ33" s="971"/>
      <c r="AK33" s="971"/>
      <c r="AL33" s="971"/>
      <c r="AM33" s="971"/>
      <c r="AN33" s="971"/>
      <c r="AO33" s="971"/>
      <c r="AP33" s="971"/>
      <c r="AQ33" s="971"/>
      <c r="AR33" s="971"/>
      <c r="AS33" s="971"/>
      <c r="AT33" s="971"/>
      <c r="AU33" s="971"/>
      <c r="AV33" s="971"/>
      <c r="AW33" s="972"/>
      <c r="AX33" s="930"/>
      <c r="AY33" s="931"/>
      <c r="AZ33" s="931"/>
      <c r="BA33" s="931"/>
      <c r="BB33" s="931"/>
      <c r="BC33" s="932"/>
      <c r="BD33" s="195"/>
      <c r="BE33" s="195"/>
      <c r="BF33" s="172">
        <v>18</v>
      </c>
      <c r="BG33" s="334"/>
      <c r="BH33" s="4"/>
      <c r="BI33" s="4"/>
      <c r="BJ33" s="4"/>
      <c r="BK33" s="4"/>
      <c r="BL33" s="4"/>
      <c r="BM33" s="4"/>
      <c r="BN33" s="4"/>
      <c r="BO33" s="4"/>
      <c r="BP33" s="4"/>
      <c r="BQ33" s="4"/>
      <c r="BR33" s="4"/>
      <c r="BS33" s="4"/>
      <c r="BT33" s="4"/>
      <c r="BU33" s="4"/>
      <c r="BV33" s="4"/>
      <c r="BW33" s="4"/>
      <c r="BX33" s="4"/>
      <c r="BY33" s="4"/>
      <c r="BZ33" s="4"/>
    </row>
    <row r="34" spans="1:78" s="270" customFormat="1" ht="36" customHeight="1" thickTop="1" thickBot="1" x14ac:dyDescent="0.25">
      <c r="A34" s="965" t="s">
        <v>67</v>
      </c>
      <c r="B34" s="966"/>
      <c r="C34" s="966"/>
      <c r="D34" s="966"/>
      <c r="E34" s="966"/>
      <c r="F34" s="966"/>
      <c r="G34" s="966"/>
      <c r="H34" s="966"/>
      <c r="I34" s="966"/>
      <c r="J34" s="966"/>
      <c r="K34" s="966"/>
      <c r="L34" s="966"/>
      <c r="M34" s="966"/>
      <c r="N34" s="966"/>
      <c r="O34" s="966"/>
      <c r="P34" s="966"/>
      <c r="Q34" s="966"/>
      <c r="R34" s="966"/>
      <c r="S34" s="966"/>
      <c r="T34" s="966"/>
      <c r="U34" s="966"/>
      <c r="V34" s="966"/>
      <c r="W34" s="966"/>
      <c r="X34" s="966"/>
      <c r="Y34" s="966"/>
      <c r="Z34" s="966"/>
      <c r="AA34" s="966"/>
      <c r="AB34" s="966"/>
      <c r="AC34" s="966"/>
      <c r="AD34" s="966"/>
      <c r="AE34" s="966"/>
      <c r="AF34" s="966"/>
      <c r="AG34" s="966"/>
      <c r="AH34" s="966"/>
      <c r="AI34" s="966"/>
      <c r="AJ34" s="966"/>
      <c r="AK34" s="966"/>
      <c r="AL34" s="966"/>
      <c r="AM34" s="966"/>
      <c r="AN34" s="966"/>
      <c r="AO34" s="966"/>
      <c r="AP34" s="966"/>
      <c r="AQ34" s="966"/>
      <c r="AR34" s="966"/>
      <c r="AS34" s="966"/>
      <c r="AT34" s="966"/>
      <c r="AU34" s="966"/>
      <c r="AV34" s="966"/>
      <c r="AW34" s="966"/>
      <c r="AX34" s="967">
        <f>SUM(AX32:BC33)</f>
        <v>0</v>
      </c>
      <c r="AY34" s="968"/>
      <c r="AZ34" s="968"/>
      <c r="BA34" s="968"/>
      <c r="BB34" s="968"/>
      <c r="BC34" s="969"/>
      <c r="BD34" s="210"/>
      <c r="BE34" s="210"/>
      <c r="BF34" s="217">
        <v>19</v>
      </c>
      <c r="BG34" s="334"/>
      <c r="BH34" s="4"/>
      <c r="BI34" s="4"/>
      <c r="BJ34" s="4"/>
      <c r="BK34" s="4"/>
      <c r="BL34" s="4"/>
      <c r="BM34" s="4"/>
      <c r="BN34" s="4"/>
      <c r="BO34" s="4"/>
      <c r="BP34" s="4"/>
      <c r="BQ34" s="4"/>
      <c r="BR34" s="4"/>
      <c r="BS34" s="4"/>
      <c r="BT34" s="4"/>
      <c r="BU34" s="4"/>
      <c r="BV34" s="4"/>
      <c r="BW34" s="4"/>
      <c r="BX34" s="4"/>
      <c r="BY34" s="4"/>
      <c r="BZ34" s="4"/>
    </row>
    <row r="35" spans="1:78" s="270" customFormat="1" ht="12.75" customHeight="1" thickBot="1" x14ac:dyDescent="0.25">
      <c r="A35" s="45"/>
      <c r="B35" s="45"/>
      <c r="C35" s="45"/>
      <c r="D35" s="45"/>
      <c r="E35" s="45"/>
      <c r="F35" s="45"/>
      <c r="G35" s="45"/>
      <c r="H35" s="45"/>
      <c r="I35" s="45"/>
      <c r="J35" s="45"/>
      <c r="K35" s="45"/>
      <c r="L35" s="45"/>
      <c r="M35" s="45"/>
      <c r="N35" s="45"/>
      <c r="O35" s="45"/>
      <c r="P35" s="45"/>
      <c r="Q35" s="45"/>
      <c r="R35" s="45"/>
      <c r="S35" s="45"/>
      <c r="T35" s="45"/>
      <c r="U35" s="45"/>
      <c r="V35" s="45"/>
      <c r="W35" s="45"/>
      <c r="X35" s="45"/>
      <c r="Y35" s="45"/>
      <c r="Z35" s="45"/>
      <c r="AA35" s="45"/>
      <c r="AB35" s="45"/>
      <c r="AC35" s="45"/>
      <c r="AD35" s="45"/>
      <c r="AE35" s="45"/>
      <c r="AF35" s="45"/>
      <c r="AG35" s="45"/>
      <c r="AH35" s="45"/>
      <c r="AI35" s="45"/>
      <c r="AJ35" s="45"/>
      <c r="AK35" s="45"/>
      <c r="AL35" s="45"/>
      <c r="AM35" s="45"/>
      <c r="AN35" s="45"/>
      <c r="AO35" s="45"/>
      <c r="AP35" s="45"/>
      <c r="AQ35" s="45"/>
      <c r="AR35" s="45"/>
      <c r="AS35" s="46"/>
      <c r="AT35" s="46"/>
      <c r="AU35" s="46"/>
      <c r="AV35" s="47"/>
      <c r="AW35" s="47"/>
      <c r="AX35" s="48"/>
      <c r="AY35" s="48"/>
      <c r="AZ35" s="48"/>
      <c r="BA35" s="48"/>
      <c r="BB35" s="48"/>
      <c r="BC35" s="48"/>
      <c r="BD35" s="211"/>
      <c r="BE35" s="211"/>
      <c r="BF35" s="274"/>
      <c r="BG35" s="342"/>
      <c r="BH35" s="4"/>
      <c r="BI35" s="4"/>
      <c r="BJ35" s="4"/>
      <c r="BK35" s="4"/>
      <c r="BL35" s="4"/>
      <c r="BM35" s="4"/>
      <c r="BN35" s="4"/>
      <c r="BO35" s="4"/>
      <c r="BP35" s="4"/>
      <c r="BQ35" s="4"/>
      <c r="BR35" s="4"/>
      <c r="BS35" s="4"/>
      <c r="BT35" s="4"/>
      <c r="BU35" s="4"/>
      <c r="BV35" s="4"/>
      <c r="BW35" s="4"/>
      <c r="BX35" s="4"/>
      <c r="BY35" s="4"/>
      <c r="BZ35" s="4"/>
    </row>
    <row r="36" spans="1:78" ht="34.5" customHeight="1" thickBot="1" x14ac:dyDescent="0.25">
      <c r="A36" s="950" t="s">
        <v>39</v>
      </c>
      <c r="B36" s="951"/>
      <c r="C36" s="952"/>
      <c r="D36" s="1004"/>
      <c r="E36" s="1004"/>
      <c r="F36" s="1004"/>
      <c r="G36" s="1004"/>
      <c r="H36" s="1004"/>
      <c r="I36" s="1004"/>
      <c r="J36" s="1004"/>
      <c r="K36" s="1004"/>
      <c r="L36" s="1004"/>
      <c r="M36" s="1005"/>
      <c r="N36" s="942" t="s">
        <v>57</v>
      </c>
      <c r="O36" s="942"/>
      <c r="P36" s="942"/>
      <c r="Q36" s="942"/>
      <c r="R36" s="942"/>
      <c r="S36" s="942"/>
      <c r="T36" s="942"/>
      <c r="U36" s="942"/>
      <c r="V36" s="989"/>
      <c r="W36" s="990"/>
      <c r="X36" s="990"/>
      <c r="Y36" s="990"/>
      <c r="Z36" s="990"/>
      <c r="AA36" s="990"/>
      <c r="AB36" s="990"/>
      <c r="AC36" s="991" t="s">
        <v>44</v>
      </c>
      <c r="AD36" s="992"/>
      <c r="AE36" s="250" t="s">
        <v>969</v>
      </c>
      <c r="AF36" s="49"/>
      <c r="AG36" s="49"/>
      <c r="AH36" s="49"/>
      <c r="AI36" s="50"/>
      <c r="AJ36" s="49"/>
      <c r="AK36" s="49"/>
      <c r="AL36" s="49"/>
      <c r="AM36" s="49"/>
      <c r="AN36" s="49"/>
      <c r="AO36" s="49"/>
      <c r="AP36" s="49"/>
      <c r="AQ36" s="49"/>
      <c r="AR36" s="49"/>
      <c r="AS36" s="49"/>
      <c r="AT36" s="49"/>
      <c r="AU36" s="49"/>
      <c r="AV36" s="49"/>
      <c r="AW36" s="49"/>
      <c r="AX36" s="49"/>
      <c r="AY36" s="49"/>
      <c r="AZ36" s="49"/>
      <c r="BA36" s="49"/>
      <c r="BB36" s="49"/>
      <c r="BC36" s="49"/>
      <c r="BF36" s="172">
        <v>20</v>
      </c>
      <c r="BG36" s="334"/>
    </row>
    <row r="37" spans="1:78" ht="61.5" customHeight="1" x14ac:dyDescent="0.2">
      <c r="A37" s="953" t="s">
        <v>25</v>
      </c>
      <c r="B37" s="954"/>
      <c r="C37" s="955"/>
      <c r="D37" s="944" t="s">
        <v>14</v>
      </c>
      <c r="E37" s="945"/>
      <c r="F37" s="943" t="s">
        <v>9</v>
      </c>
      <c r="G37" s="944"/>
      <c r="H37" s="945"/>
      <c r="I37" s="943" t="s">
        <v>24</v>
      </c>
      <c r="J37" s="944"/>
      <c r="K37" s="944"/>
      <c r="L37" s="944"/>
      <c r="M37" s="945"/>
      <c r="N37" s="1001" t="s">
        <v>7</v>
      </c>
      <c r="O37" s="1002"/>
      <c r="P37" s="1002"/>
      <c r="Q37" s="1002"/>
      <c r="R37" s="1002"/>
      <c r="S37" s="1002"/>
      <c r="T37" s="1002"/>
      <c r="U37" s="1003"/>
      <c r="V37" s="1001" t="s">
        <v>2</v>
      </c>
      <c r="W37" s="1002"/>
      <c r="X37" s="1002"/>
      <c r="Y37" s="1002"/>
      <c r="Z37" s="1002"/>
      <c r="AA37" s="1002"/>
      <c r="AB37" s="1002"/>
      <c r="AC37" s="1002"/>
      <c r="AD37" s="1003"/>
      <c r="AE37" s="1028" t="s">
        <v>46</v>
      </c>
      <c r="AF37" s="1039"/>
      <c r="AG37" s="1039"/>
      <c r="AH37" s="1040"/>
      <c r="AI37" s="1028" t="s">
        <v>47</v>
      </c>
      <c r="AJ37" s="1029"/>
      <c r="AK37" s="1029"/>
      <c r="AL37" s="1029"/>
      <c r="AM37" s="1030"/>
      <c r="AN37" s="1031" t="s">
        <v>60</v>
      </c>
      <c r="AO37" s="1032"/>
      <c r="AP37" s="1032"/>
      <c r="AQ37" s="1032"/>
      <c r="AR37" s="1033"/>
      <c r="AS37" s="779" t="s">
        <v>27</v>
      </c>
      <c r="AT37" s="1039"/>
      <c r="AU37" s="1040"/>
      <c r="AV37" s="779" t="s">
        <v>42</v>
      </c>
      <c r="AW37" s="947"/>
      <c r="AX37" s="1034" t="s">
        <v>1</v>
      </c>
      <c r="AY37" s="946"/>
      <c r="AZ37" s="946"/>
      <c r="BA37" s="946"/>
      <c r="BB37" s="946"/>
      <c r="BC37" s="1035"/>
      <c r="BD37" s="213"/>
      <c r="BE37" s="213"/>
      <c r="BF37" s="174"/>
    </row>
    <row r="38" spans="1:78" s="270" customFormat="1" ht="29.25" customHeight="1" x14ac:dyDescent="0.2">
      <c r="A38" s="689" t="s">
        <v>26</v>
      </c>
      <c r="B38" s="690"/>
      <c r="C38" s="691"/>
      <c r="D38" s="761"/>
      <c r="E38" s="762"/>
      <c r="F38" s="763"/>
      <c r="G38" s="761"/>
      <c r="H38" s="762"/>
      <c r="I38" s="763"/>
      <c r="J38" s="761"/>
      <c r="K38" s="761"/>
      <c r="L38" s="761"/>
      <c r="M38" s="762"/>
      <c r="N38" s="962" t="str">
        <f>IF(I38="","",IFERROR(VLOOKUP(I38,製品リスト!$D$4:$F$1000,2,0),"SII登録型番を正しく入力してください"))</f>
        <v/>
      </c>
      <c r="O38" s="963"/>
      <c r="P38" s="963"/>
      <c r="Q38" s="963"/>
      <c r="R38" s="963"/>
      <c r="S38" s="963"/>
      <c r="T38" s="963"/>
      <c r="U38" s="964"/>
      <c r="V38" s="962" t="str">
        <f>IF(I38="","",IFERROR(VLOOKUP(I38,製品リスト!$D$4:$F$1000,3,0),"SII登録型番を正しく入力してください"))</f>
        <v/>
      </c>
      <c r="W38" s="963"/>
      <c r="X38" s="963"/>
      <c r="Y38" s="963"/>
      <c r="Z38" s="963"/>
      <c r="AA38" s="963"/>
      <c r="AB38" s="963"/>
      <c r="AC38" s="963"/>
      <c r="AD38" s="964"/>
      <c r="AE38" s="1019"/>
      <c r="AF38" s="1020"/>
      <c r="AG38" s="1020"/>
      <c r="AH38" s="1021"/>
      <c r="AI38" s="852"/>
      <c r="AJ38" s="853"/>
      <c r="AK38" s="853"/>
      <c r="AL38" s="853"/>
      <c r="AM38" s="114" t="s">
        <v>23</v>
      </c>
      <c r="AN38" s="1036">
        <f>SUM(AE38*AI38,AE39*AI39,AE40*AI40,AE41*AI41,AE42*AI42)</f>
        <v>0</v>
      </c>
      <c r="AO38" s="1037"/>
      <c r="AP38" s="1037"/>
      <c r="AQ38" s="1037"/>
      <c r="AR38" s="1038"/>
      <c r="AS38" s="1044"/>
      <c r="AT38" s="1045"/>
      <c r="AU38" s="1046"/>
      <c r="AV38" s="763"/>
      <c r="AW38" s="762"/>
      <c r="AX38" s="926"/>
      <c r="AY38" s="927"/>
      <c r="AZ38" s="927"/>
      <c r="BA38" s="927"/>
      <c r="BB38" s="927"/>
      <c r="BC38" s="928"/>
      <c r="BD38" s="195"/>
      <c r="BE38" s="195"/>
      <c r="BF38" s="176">
        <v>21</v>
      </c>
      <c r="BG38" s="334"/>
      <c r="BH38" s="4"/>
      <c r="BI38" s="4"/>
      <c r="BJ38" s="4"/>
      <c r="BK38" s="4"/>
      <c r="BL38" s="4"/>
      <c r="BM38" s="4"/>
      <c r="BN38" s="4"/>
      <c r="BO38" s="4"/>
      <c r="BP38" s="4"/>
      <c r="BQ38" s="4"/>
      <c r="BR38" s="4"/>
      <c r="BS38" s="4"/>
      <c r="BT38" s="4"/>
      <c r="BU38" s="4"/>
      <c r="BV38" s="4"/>
      <c r="BW38" s="4"/>
      <c r="BX38" s="4"/>
      <c r="BY38" s="4"/>
      <c r="BZ38" s="4"/>
    </row>
    <row r="39" spans="1:78" s="270" customFormat="1" ht="29.25" customHeight="1" x14ac:dyDescent="0.2">
      <c r="A39" s="689"/>
      <c r="B39" s="690"/>
      <c r="C39" s="691"/>
      <c r="D39" s="948"/>
      <c r="E39" s="949"/>
      <c r="F39" s="988"/>
      <c r="G39" s="948"/>
      <c r="H39" s="949"/>
      <c r="I39" s="741"/>
      <c r="J39" s="739"/>
      <c r="K39" s="739"/>
      <c r="L39" s="739"/>
      <c r="M39" s="740"/>
      <c r="N39" s="933" t="str">
        <f>IF(I39="","",IFERROR(VLOOKUP(I39,製品リスト!$D$4:$F$1000,2,0),"SII登録型番を正しく入力してください"))</f>
        <v/>
      </c>
      <c r="O39" s="934"/>
      <c r="P39" s="934"/>
      <c r="Q39" s="934"/>
      <c r="R39" s="934"/>
      <c r="S39" s="934"/>
      <c r="T39" s="934"/>
      <c r="U39" s="935"/>
      <c r="V39" s="933" t="str">
        <f>IF(I39="","",IFERROR(VLOOKUP(I39,製品リスト!$D$4:$F$1000,3,0),"SII登録型番を正しく入力してください"))</f>
        <v/>
      </c>
      <c r="W39" s="934"/>
      <c r="X39" s="934"/>
      <c r="Y39" s="934"/>
      <c r="Z39" s="934"/>
      <c r="AA39" s="934"/>
      <c r="AB39" s="934"/>
      <c r="AC39" s="934"/>
      <c r="AD39" s="935"/>
      <c r="AE39" s="936"/>
      <c r="AF39" s="937"/>
      <c r="AG39" s="937"/>
      <c r="AH39" s="938"/>
      <c r="AI39" s="839"/>
      <c r="AJ39" s="840"/>
      <c r="AK39" s="840"/>
      <c r="AL39" s="840"/>
      <c r="AM39" s="39" t="s">
        <v>23</v>
      </c>
      <c r="AN39" s="1036"/>
      <c r="AO39" s="1037"/>
      <c r="AP39" s="1037"/>
      <c r="AQ39" s="1037"/>
      <c r="AR39" s="1038"/>
      <c r="AS39" s="1041"/>
      <c r="AT39" s="1042"/>
      <c r="AU39" s="1043"/>
      <c r="AV39" s="741"/>
      <c r="AW39" s="740"/>
      <c r="AX39" s="982"/>
      <c r="AY39" s="983"/>
      <c r="AZ39" s="983"/>
      <c r="BA39" s="983"/>
      <c r="BB39" s="983"/>
      <c r="BC39" s="984"/>
      <c r="BD39" s="195"/>
      <c r="BE39" s="195"/>
      <c r="BF39" s="176">
        <v>22</v>
      </c>
      <c r="BG39" s="334"/>
      <c r="BH39" s="4"/>
      <c r="BI39" s="4"/>
      <c r="BJ39" s="4"/>
      <c r="BK39" s="4"/>
      <c r="BL39" s="4"/>
      <c r="BM39" s="4"/>
      <c r="BN39" s="4"/>
      <c r="BO39" s="4"/>
      <c r="BP39" s="4"/>
      <c r="BQ39" s="4"/>
      <c r="BR39" s="4"/>
      <c r="BS39" s="4"/>
      <c r="BT39" s="4"/>
      <c r="BU39" s="4"/>
      <c r="BV39" s="4"/>
      <c r="BW39" s="4"/>
      <c r="BX39" s="4"/>
      <c r="BY39" s="4"/>
      <c r="BZ39" s="4"/>
    </row>
    <row r="40" spans="1:78" s="270" customFormat="1" ht="29.25" customHeight="1" x14ac:dyDescent="0.2">
      <c r="A40" s="689"/>
      <c r="B40" s="690"/>
      <c r="C40" s="691"/>
      <c r="D40" s="948"/>
      <c r="E40" s="949"/>
      <c r="F40" s="988"/>
      <c r="G40" s="948"/>
      <c r="H40" s="949"/>
      <c r="I40" s="741"/>
      <c r="J40" s="739"/>
      <c r="K40" s="739"/>
      <c r="L40" s="739"/>
      <c r="M40" s="740"/>
      <c r="N40" s="933" t="str">
        <f>IF(I40="","",IFERROR(VLOOKUP(I40,製品リスト!$D$4:$F$1000,2,0),"SII登録型番を正しく入力してください"))</f>
        <v/>
      </c>
      <c r="O40" s="934"/>
      <c r="P40" s="934"/>
      <c r="Q40" s="934"/>
      <c r="R40" s="934"/>
      <c r="S40" s="934"/>
      <c r="T40" s="934"/>
      <c r="U40" s="935"/>
      <c r="V40" s="933" t="str">
        <f>IF(I40="","",IFERROR(VLOOKUP(I40,製品リスト!$D$4:$F$1000,3,0),"SII登録型番を正しく入力してください"))</f>
        <v/>
      </c>
      <c r="W40" s="934"/>
      <c r="X40" s="934"/>
      <c r="Y40" s="934"/>
      <c r="Z40" s="934"/>
      <c r="AA40" s="934"/>
      <c r="AB40" s="934"/>
      <c r="AC40" s="934"/>
      <c r="AD40" s="935"/>
      <c r="AE40" s="936"/>
      <c r="AF40" s="937"/>
      <c r="AG40" s="937"/>
      <c r="AH40" s="938"/>
      <c r="AI40" s="839"/>
      <c r="AJ40" s="840"/>
      <c r="AK40" s="840"/>
      <c r="AL40" s="840"/>
      <c r="AM40" s="39" t="s">
        <v>13</v>
      </c>
      <c r="AN40" s="1036"/>
      <c r="AO40" s="1037"/>
      <c r="AP40" s="1037"/>
      <c r="AQ40" s="1037"/>
      <c r="AR40" s="1038"/>
      <c r="AS40" s="1041"/>
      <c r="AT40" s="1042"/>
      <c r="AU40" s="1043"/>
      <c r="AV40" s="741"/>
      <c r="AW40" s="740"/>
      <c r="AX40" s="982"/>
      <c r="AY40" s="983"/>
      <c r="AZ40" s="983"/>
      <c r="BA40" s="983"/>
      <c r="BB40" s="983"/>
      <c r="BC40" s="984"/>
      <c r="BD40" s="195"/>
      <c r="BE40" s="195"/>
      <c r="BF40" s="176">
        <v>23</v>
      </c>
      <c r="BG40" s="334"/>
      <c r="BH40" s="4"/>
      <c r="BI40" s="4"/>
      <c r="BJ40" s="4"/>
      <c r="BK40" s="4"/>
      <c r="BL40" s="4"/>
      <c r="BM40" s="4"/>
      <c r="BN40" s="4"/>
      <c r="BO40" s="4"/>
      <c r="BP40" s="4"/>
      <c r="BQ40" s="4"/>
      <c r="BR40" s="4"/>
      <c r="BS40" s="4"/>
      <c r="BT40" s="4"/>
      <c r="BU40" s="4"/>
      <c r="BV40" s="4"/>
      <c r="BW40" s="4"/>
      <c r="BX40" s="4"/>
      <c r="BY40" s="4"/>
      <c r="BZ40" s="4"/>
    </row>
    <row r="41" spans="1:78" s="270" customFormat="1" ht="29.25" customHeight="1" x14ac:dyDescent="0.2">
      <c r="A41" s="689"/>
      <c r="B41" s="690"/>
      <c r="C41" s="691"/>
      <c r="D41" s="948"/>
      <c r="E41" s="949"/>
      <c r="F41" s="988"/>
      <c r="G41" s="948"/>
      <c r="H41" s="949"/>
      <c r="I41" s="741"/>
      <c r="J41" s="739"/>
      <c r="K41" s="739"/>
      <c r="L41" s="739"/>
      <c r="M41" s="740"/>
      <c r="N41" s="933" t="str">
        <f>IF(I41="","",IFERROR(VLOOKUP(I41,製品リスト!$D$4:$F$1000,2,0),"SII登録型番を正しく入力してください"))</f>
        <v/>
      </c>
      <c r="O41" s="934"/>
      <c r="P41" s="934"/>
      <c r="Q41" s="934"/>
      <c r="R41" s="934"/>
      <c r="S41" s="934"/>
      <c r="T41" s="934"/>
      <c r="U41" s="935"/>
      <c r="V41" s="933" t="str">
        <f>IF(I41="","",IFERROR(VLOOKUP(I41,製品リスト!$D$4:$F$1000,3,0),"SII登録型番を正しく入力してください"))</f>
        <v/>
      </c>
      <c r="W41" s="934"/>
      <c r="X41" s="934"/>
      <c r="Y41" s="934"/>
      <c r="Z41" s="934"/>
      <c r="AA41" s="934"/>
      <c r="AB41" s="934"/>
      <c r="AC41" s="934"/>
      <c r="AD41" s="935"/>
      <c r="AE41" s="936"/>
      <c r="AF41" s="937"/>
      <c r="AG41" s="937"/>
      <c r="AH41" s="938"/>
      <c r="AI41" s="839"/>
      <c r="AJ41" s="840"/>
      <c r="AK41" s="840"/>
      <c r="AL41" s="840"/>
      <c r="AM41" s="39" t="s">
        <v>13</v>
      </c>
      <c r="AN41" s="1036"/>
      <c r="AO41" s="1037"/>
      <c r="AP41" s="1037"/>
      <c r="AQ41" s="1037"/>
      <c r="AR41" s="1038"/>
      <c r="AS41" s="1041"/>
      <c r="AT41" s="1042"/>
      <c r="AU41" s="1043"/>
      <c r="AV41" s="741"/>
      <c r="AW41" s="740"/>
      <c r="AX41" s="982"/>
      <c r="AY41" s="983"/>
      <c r="AZ41" s="983"/>
      <c r="BA41" s="983"/>
      <c r="BB41" s="983"/>
      <c r="BC41" s="984"/>
      <c r="BD41" s="195"/>
      <c r="BE41" s="195"/>
      <c r="BF41" s="176">
        <v>24</v>
      </c>
      <c r="BG41" s="334"/>
      <c r="BH41" s="4"/>
      <c r="BI41" s="4"/>
      <c r="BJ41" s="4"/>
      <c r="BK41" s="4"/>
      <c r="BL41" s="4"/>
      <c r="BM41" s="4"/>
      <c r="BN41" s="4"/>
      <c r="BO41" s="4"/>
      <c r="BP41" s="4"/>
      <c r="BQ41" s="4"/>
      <c r="BR41" s="4"/>
      <c r="BS41" s="4"/>
      <c r="BT41" s="4"/>
      <c r="BU41" s="4"/>
      <c r="BV41" s="4"/>
      <c r="BW41" s="4"/>
      <c r="BX41" s="4"/>
      <c r="BY41" s="4"/>
      <c r="BZ41" s="4"/>
    </row>
    <row r="42" spans="1:78" s="270" customFormat="1" ht="29.25" customHeight="1" x14ac:dyDescent="0.2">
      <c r="A42" s="689"/>
      <c r="B42" s="690"/>
      <c r="C42" s="691"/>
      <c r="D42" s="985"/>
      <c r="E42" s="986"/>
      <c r="F42" s="987"/>
      <c r="G42" s="985"/>
      <c r="H42" s="986"/>
      <c r="I42" s="956"/>
      <c r="J42" s="957"/>
      <c r="K42" s="957"/>
      <c r="L42" s="957"/>
      <c r="M42" s="958"/>
      <c r="N42" s="959" t="str">
        <f>IF(I42="","",IFERROR(VLOOKUP(I42,製品リスト!$D$4:$F$1000,2,0),"SII登録型番を正しく入力してください"))</f>
        <v/>
      </c>
      <c r="O42" s="960"/>
      <c r="P42" s="960"/>
      <c r="Q42" s="960"/>
      <c r="R42" s="960"/>
      <c r="S42" s="960"/>
      <c r="T42" s="960"/>
      <c r="U42" s="961"/>
      <c r="V42" s="959" t="str">
        <f>IF(I42="","",IFERROR(VLOOKUP(I42,製品リスト!$D$4:$F$1000,3,0),"SII登録型番を正しく入力してください"))</f>
        <v/>
      </c>
      <c r="W42" s="960"/>
      <c r="X42" s="960"/>
      <c r="Y42" s="960"/>
      <c r="Z42" s="960"/>
      <c r="AA42" s="960"/>
      <c r="AB42" s="960"/>
      <c r="AC42" s="960"/>
      <c r="AD42" s="961"/>
      <c r="AE42" s="996"/>
      <c r="AF42" s="997"/>
      <c r="AG42" s="997"/>
      <c r="AH42" s="998"/>
      <c r="AI42" s="841"/>
      <c r="AJ42" s="842"/>
      <c r="AK42" s="842"/>
      <c r="AL42" s="842"/>
      <c r="AM42" s="40" t="s">
        <v>13</v>
      </c>
      <c r="AN42" s="1036"/>
      <c r="AO42" s="1037"/>
      <c r="AP42" s="1037"/>
      <c r="AQ42" s="1037"/>
      <c r="AR42" s="1038"/>
      <c r="AS42" s="920"/>
      <c r="AT42" s="921"/>
      <c r="AU42" s="922"/>
      <c r="AV42" s="956"/>
      <c r="AW42" s="958"/>
      <c r="AX42" s="923"/>
      <c r="AY42" s="924"/>
      <c r="AZ42" s="924"/>
      <c r="BA42" s="924"/>
      <c r="BB42" s="924"/>
      <c r="BC42" s="925"/>
      <c r="BD42" s="195"/>
      <c r="BE42" s="195"/>
      <c r="BF42" s="176">
        <v>25</v>
      </c>
      <c r="BG42" s="334"/>
      <c r="BH42" s="4"/>
      <c r="BI42" s="4"/>
      <c r="BJ42" s="4"/>
      <c r="BK42" s="4"/>
      <c r="BL42" s="4"/>
      <c r="BM42" s="4"/>
      <c r="BN42" s="4"/>
      <c r="BO42" s="4"/>
      <c r="BP42" s="4"/>
      <c r="BQ42" s="4"/>
      <c r="BR42" s="4"/>
      <c r="BS42" s="4"/>
      <c r="BT42" s="4"/>
      <c r="BU42" s="4"/>
      <c r="BV42" s="4"/>
      <c r="BW42" s="4"/>
      <c r="BX42" s="4"/>
      <c r="BY42" s="4"/>
      <c r="BZ42" s="4"/>
    </row>
    <row r="43" spans="1:78" ht="33" customHeight="1" x14ac:dyDescent="0.2">
      <c r="A43" s="1006"/>
      <c r="B43" s="1007"/>
      <c r="C43" s="1008"/>
      <c r="D43" s="973" t="s">
        <v>58</v>
      </c>
      <c r="E43" s="974"/>
      <c r="F43" s="974"/>
      <c r="G43" s="974"/>
      <c r="H43" s="974"/>
      <c r="I43" s="974"/>
      <c r="J43" s="974"/>
      <c r="K43" s="974"/>
      <c r="L43" s="974"/>
      <c r="M43" s="974"/>
      <c r="N43" s="974"/>
      <c r="O43" s="974"/>
      <c r="P43" s="974"/>
      <c r="Q43" s="974"/>
      <c r="R43" s="974"/>
      <c r="S43" s="974"/>
      <c r="T43" s="974"/>
      <c r="U43" s="974"/>
      <c r="V43" s="974"/>
      <c r="W43" s="974"/>
      <c r="X43" s="974"/>
      <c r="Y43" s="974"/>
      <c r="Z43" s="974"/>
      <c r="AA43" s="974"/>
      <c r="AB43" s="974"/>
      <c r="AC43" s="974"/>
      <c r="AD43" s="974"/>
      <c r="AE43" s="974"/>
      <c r="AF43" s="974"/>
      <c r="AG43" s="974"/>
      <c r="AH43" s="974"/>
      <c r="AI43" s="974"/>
      <c r="AJ43" s="974"/>
      <c r="AK43" s="974"/>
      <c r="AL43" s="974"/>
      <c r="AM43" s="974"/>
      <c r="AN43" s="975" t="str">
        <f>IF(OR($G$6="■",AN38="",$V$36=""),"",ROUNDDOWN(AN38/V36,0))</f>
        <v/>
      </c>
      <c r="AO43" s="976"/>
      <c r="AP43" s="976"/>
      <c r="AQ43" s="976"/>
      <c r="AR43" s="977"/>
      <c r="AS43" s="978" t="s">
        <v>45</v>
      </c>
      <c r="AT43" s="979"/>
      <c r="AU43" s="979"/>
      <c r="AV43" s="979"/>
      <c r="AW43" s="979"/>
      <c r="AX43" s="980">
        <f>SUM(AX38:BC42)</f>
        <v>0</v>
      </c>
      <c r="AY43" s="980"/>
      <c r="AZ43" s="980"/>
      <c r="BA43" s="980"/>
      <c r="BB43" s="980"/>
      <c r="BC43" s="981"/>
      <c r="BD43" s="214"/>
      <c r="BE43" s="215"/>
      <c r="BF43" s="216">
        <v>26</v>
      </c>
      <c r="BG43" s="334"/>
    </row>
    <row r="44" spans="1:78" s="270" customFormat="1" ht="36" customHeight="1" thickBot="1" x14ac:dyDescent="0.25">
      <c r="A44" s="929" t="s">
        <v>43</v>
      </c>
      <c r="B44" s="687"/>
      <c r="C44" s="688"/>
      <c r="D44" s="970" t="s">
        <v>66</v>
      </c>
      <c r="E44" s="971"/>
      <c r="F44" s="971"/>
      <c r="G44" s="971"/>
      <c r="H44" s="971"/>
      <c r="I44" s="971"/>
      <c r="J44" s="971"/>
      <c r="K44" s="971"/>
      <c r="L44" s="971"/>
      <c r="M44" s="971"/>
      <c r="N44" s="971"/>
      <c r="O44" s="971"/>
      <c r="P44" s="971"/>
      <c r="Q44" s="971"/>
      <c r="R44" s="971"/>
      <c r="S44" s="971"/>
      <c r="T44" s="971"/>
      <c r="U44" s="971"/>
      <c r="V44" s="971"/>
      <c r="W44" s="971"/>
      <c r="X44" s="971"/>
      <c r="Y44" s="971"/>
      <c r="Z44" s="971"/>
      <c r="AA44" s="971"/>
      <c r="AB44" s="971"/>
      <c r="AC44" s="971"/>
      <c r="AD44" s="971"/>
      <c r="AE44" s="971"/>
      <c r="AF44" s="971"/>
      <c r="AG44" s="971"/>
      <c r="AH44" s="971"/>
      <c r="AI44" s="971"/>
      <c r="AJ44" s="971"/>
      <c r="AK44" s="971"/>
      <c r="AL44" s="971"/>
      <c r="AM44" s="971"/>
      <c r="AN44" s="971"/>
      <c r="AO44" s="971"/>
      <c r="AP44" s="971"/>
      <c r="AQ44" s="971"/>
      <c r="AR44" s="971"/>
      <c r="AS44" s="971"/>
      <c r="AT44" s="971"/>
      <c r="AU44" s="971"/>
      <c r="AV44" s="971"/>
      <c r="AW44" s="972"/>
      <c r="AX44" s="930"/>
      <c r="AY44" s="931"/>
      <c r="AZ44" s="931"/>
      <c r="BA44" s="931"/>
      <c r="BB44" s="931"/>
      <c r="BC44" s="932"/>
      <c r="BD44" s="195"/>
      <c r="BE44" s="195"/>
      <c r="BF44" s="176">
        <v>27</v>
      </c>
      <c r="BG44" s="334"/>
      <c r="BH44" s="4"/>
      <c r="BI44" s="4"/>
      <c r="BJ44" s="4"/>
      <c r="BK44" s="4"/>
      <c r="BL44" s="4"/>
      <c r="BM44" s="4"/>
      <c r="BN44" s="4"/>
      <c r="BO44" s="4"/>
      <c r="BP44" s="4"/>
      <c r="BQ44" s="4"/>
      <c r="BR44" s="4"/>
      <c r="BS44" s="4"/>
      <c r="BT44" s="4"/>
      <c r="BU44" s="4"/>
      <c r="BV44" s="4"/>
      <c r="BW44" s="4"/>
      <c r="BX44" s="4"/>
      <c r="BY44" s="4"/>
      <c r="BZ44" s="4"/>
    </row>
    <row r="45" spans="1:78" s="270" customFormat="1" ht="36" customHeight="1" thickTop="1" thickBot="1" x14ac:dyDescent="0.25">
      <c r="A45" s="965" t="s">
        <v>67</v>
      </c>
      <c r="B45" s="966"/>
      <c r="C45" s="966"/>
      <c r="D45" s="966"/>
      <c r="E45" s="966"/>
      <c r="F45" s="966"/>
      <c r="G45" s="966"/>
      <c r="H45" s="966"/>
      <c r="I45" s="966"/>
      <c r="J45" s="966"/>
      <c r="K45" s="966"/>
      <c r="L45" s="966"/>
      <c r="M45" s="966"/>
      <c r="N45" s="966"/>
      <c r="O45" s="966"/>
      <c r="P45" s="966"/>
      <c r="Q45" s="966"/>
      <c r="R45" s="966"/>
      <c r="S45" s="966"/>
      <c r="T45" s="966"/>
      <c r="U45" s="966"/>
      <c r="V45" s="966"/>
      <c r="W45" s="966"/>
      <c r="X45" s="966"/>
      <c r="Y45" s="966"/>
      <c r="Z45" s="966"/>
      <c r="AA45" s="966"/>
      <c r="AB45" s="966"/>
      <c r="AC45" s="966"/>
      <c r="AD45" s="966"/>
      <c r="AE45" s="966"/>
      <c r="AF45" s="966"/>
      <c r="AG45" s="966"/>
      <c r="AH45" s="966"/>
      <c r="AI45" s="966"/>
      <c r="AJ45" s="966"/>
      <c r="AK45" s="966"/>
      <c r="AL45" s="966"/>
      <c r="AM45" s="966"/>
      <c r="AN45" s="966"/>
      <c r="AO45" s="966"/>
      <c r="AP45" s="966"/>
      <c r="AQ45" s="966"/>
      <c r="AR45" s="966"/>
      <c r="AS45" s="966"/>
      <c r="AT45" s="966"/>
      <c r="AU45" s="966"/>
      <c r="AV45" s="966"/>
      <c r="AW45" s="966"/>
      <c r="AX45" s="967">
        <f>SUM(AX43:BC44)</f>
        <v>0</v>
      </c>
      <c r="AY45" s="968"/>
      <c r="AZ45" s="968"/>
      <c r="BA45" s="968"/>
      <c r="BB45" s="968"/>
      <c r="BC45" s="969"/>
      <c r="BD45" s="210"/>
      <c r="BE45" s="210"/>
      <c r="BF45" s="176">
        <v>28</v>
      </c>
      <c r="BG45" s="334"/>
      <c r="BH45" s="4"/>
      <c r="BI45" s="4"/>
      <c r="BJ45" s="4"/>
      <c r="BK45" s="4"/>
      <c r="BL45" s="4"/>
      <c r="BM45" s="4"/>
      <c r="BN45" s="4"/>
      <c r="BO45" s="4"/>
      <c r="BP45" s="4"/>
      <c r="BQ45" s="4"/>
      <c r="BR45" s="4"/>
      <c r="BS45" s="4"/>
      <c r="BT45" s="4"/>
      <c r="BU45" s="4"/>
      <c r="BV45" s="4"/>
      <c r="BW45" s="4"/>
      <c r="BX45" s="4"/>
      <c r="BY45" s="4"/>
      <c r="BZ45" s="4"/>
    </row>
    <row r="46" spans="1:78" s="270" customFormat="1" ht="12.75" customHeight="1" thickBot="1" x14ac:dyDescent="0.25">
      <c r="A46" s="45"/>
      <c r="B46" s="45"/>
      <c r="C46" s="45"/>
      <c r="D46" s="45"/>
      <c r="E46" s="45"/>
      <c r="F46" s="45"/>
      <c r="G46" s="45"/>
      <c r="H46" s="45"/>
      <c r="I46" s="45"/>
      <c r="J46" s="45"/>
      <c r="K46" s="45"/>
      <c r="L46" s="45"/>
      <c r="M46" s="45"/>
      <c r="N46" s="45"/>
      <c r="O46" s="45"/>
      <c r="P46" s="45"/>
      <c r="Q46" s="45"/>
      <c r="R46" s="45"/>
      <c r="S46" s="45"/>
      <c r="T46" s="45"/>
      <c r="U46" s="45"/>
      <c r="V46" s="45"/>
      <c r="W46" s="45"/>
      <c r="X46" s="45"/>
      <c r="Y46" s="45"/>
      <c r="Z46" s="45"/>
      <c r="AA46" s="45"/>
      <c r="AB46" s="45"/>
      <c r="AC46" s="45"/>
      <c r="AD46" s="45"/>
      <c r="AE46" s="45"/>
      <c r="AF46" s="45"/>
      <c r="AG46" s="45"/>
      <c r="AH46" s="45"/>
      <c r="AI46" s="45"/>
      <c r="AJ46" s="45"/>
      <c r="AK46" s="45"/>
      <c r="AL46" s="45"/>
      <c r="AM46" s="45"/>
      <c r="AN46" s="45"/>
      <c r="AO46" s="45"/>
      <c r="AP46" s="45"/>
      <c r="AQ46" s="45"/>
      <c r="AR46" s="45"/>
      <c r="AS46" s="46"/>
      <c r="AT46" s="46"/>
      <c r="AU46" s="46"/>
      <c r="AV46" s="47"/>
      <c r="AW46" s="47"/>
      <c r="AX46" s="48"/>
      <c r="AY46" s="48"/>
      <c r="AZ46" s="48"/>
      <c r="BA46" s="48"/>
      <c r="BB46" s="48"/>
      <c r="BC46" s="48"/>
      <c r="BD46" s="211"/>
      <c r="BE46" s="211"/>
      <c r="BF46" s="175"/>
      <c r="BG46" s="336"/>
      <c r="BH46" s="4"/>
      <c r="BI46" s="4"/>
      <c r="BJ46" s="4"/>
      <c r="BK46" s="4"/>
      <c r="BL46" s="4"/>
      <c r="BM46" s="4"/>
      <c r="BN46" s="4"/>
      <c r="BO46" s="4"/>
      <c r="BP46" s="4"/>
      <c r="BQ46" s="4"/>
      <c r="BR46" s="4"/>
      <c r="BS46" s="4"/>
      <c r="BT46" s="4"/>
      <c r="BU46" s="4"/>
      <c r="BV46" s="4"/>
      <c r="BW46" s="4"/>
      <c r="BX46" s="4"/>
      <c r="BY46" s="4"/>
      <c r="BZ46" s="4"/>
    </row>
    <row r="47" spans="1:78" ht="34.5" customHeight="1" thickBot="1" x14ac:dyDescent="0.25">
      <c r="A47" s="950" t="s">
        <v>39</v>
      </c>
      <c r="B47" s="951"/>
      <c r="C47" s="952"/>
      <c r="D47" s="1004"/>
      <c r="E47" s="1004"/>
      <c r="F47" s="1004"/>
      <c r="G47" s="1004"/>
      <c r="H47" s="1004"/>
      <c r="I47" s="1004"/>
      <c r="J47" s="1004"/>
      <c r="K47" s="1004"/>
      <c r="L47" s="1004"/>
      <c r="M47" s="1005"/>
      <c r="N47" s="942" t="s">
        <v>57</v>
      </c>
      <c r="O47" s="942"/>
      <c r="P47" s="942"/>
      <c r="Q47" s="942"/>
      <c r="R47" s="942"/>
      <c r="S47" s="942"/>
      <c r="T47" s="942"/>
      <c r="U47" s="942"/>
      <c r="V47" s="989"/>
      <c r="W47" s="990"/>
      <c r="X47" s="990"/>
      <c r="Y47" s="990"/>
      <c r="Z47" s="990"/>
      <c r="AA47" s="990"/>
      <c r="AB47" s="990"/>
      <c r="AC47" s="991" t="s">
        <v>44</v>
      </c>
      <c r="AD47" s="992"/>
      <c r="AE47" s="57" t="s">
        <v>59</v>
      </c>
      <c r="AF47" s="49"/>
      <c r="AG47" s="49"/>
      <c r="AH47" s="49"/>
      <c r="AI47" s="50"/>
      <c r="AJ47" s="49"/>
      <c r="AK47" s="49"/>
      <c r="AL47" s="49"/>
      <c r="AM47" s="49"/>
      <c r="AN47" s="49"/>
      <c r="AO47" s="49"/>
      <c r="AP47" s="49"/>
      <c r="AQ47" s="49"/>
      <c r="AR47" s="49"/>
      <c r="AS47" s="49"/>
      <c r="AT47" s="49"/>
      <c r="AU47" s="49"/>
      <c r="AV47" s="49"/>
      <c r="AW47" s="49"/>
      <c r="AX47" s="49"/>
      <c r="AY47" s="49"/>
      <c r="AZ47" s="49"/>
      <c r="BA47" s="49"/>
      <c r="BB47" s="49"/>
      <c r="BC47" s="49"/>
      <c r="BF47" s="172">
        <v>29</v>
      </c>
      <c r="BG47" s="334"/>
    </row>
    <row r="48" spans="1:78" ht="61.5" customHeight="1" x14ac:dyDescent="0.2">
      <c r="A48" s="953" t="s">
        <v>25</v>
      </c>
      <c r="B48" s="954"/>
      <c r="C48" s="955"/>
      <c r="D48" s="944" t="s">
        <v>14</v>
      </c>
      <c r="E48" s="945"/>
      <c r="F48" s="943" t="s">
        <v>9</v>
      </c>
      <c r="G48" s="944"/>
      <c r="H48" s="945"/>
      <c r="I48" s="943" t="s">
        <v>24</v>
      </c>
      <c r="J48" s="944"/>
      <c r="K48" s="944"/>
      <c r="L48" s="944"/>
      <c r="M48" s="945"/>
      <c r="N48" s="1001" t="s">
        <v>7</v>
      </c>
      <c r="O48" s="1002"/>
      <c r="P48" s="1002"/>
      <c r="Q48" s="1002"/>
      <c r="R48" s="1002"/>
      <c r="S48" s="1002"/>
      <c r="T48" s="1002"/>
      <c r="U48" s="1003"/>
      <c r="V48" s="1001" t="s">
        <v>2</v>
      </c>
      <c r="W48" s="1002"/>
      <c r="X48" s="1002"/>
      <c r="Y48" s="1002"/>
      <c r="Z48" s="1002"/>
      <c r="AA48" s="1002"/>
      <c r="AB48" s="1002"/>
      <c r="AC48" s="1002"/>
      <c r="AD48" s="1003"/>
      <c r="AE48" s="1028" t="s">
        <v>46</v>
      </c>
      <c r="AF48" s="1039"/>
      <c r="AG48" s="1039"/>
      <c r="AH48" s="1040"/>
      <c r="AI48" s="1028" t="s">
        <v>47</v>
      </c>
      <c r="AJ48" s="1029"/>
      <c r="AK48" s="1029"/>
      <c r="AL48" s="1029"/>
      <c r="AM48" s="1030"/>
      <c r="AN48" s="1031" t="s">
        <v>60</v>
      </c>
      <c r="AO48" s="1032"/>
      <c r="AP48" s="1032"/>
      <c r="AQ48" s="1032"/>
      <c r="AR48" s="1033"/>
      <c r="AS48" s="779" t="s">
        <v>27</v>
      </c>
      <c r="AT48" s="1039"/>
      <c r="AU48" s="1040"/>
      <c r="AV48" s="779" t="s">
        <v>42</v>
      </c>
      <c r="AW48" s="947"/>
      <c r="AX48" s="1034" t="s">
        <v>1</v>
      </c>
      <c r="AY48" s="946"/>
      <c r="AZ48" s="946"/>
      <c r="BA48" s="946"/>
      <c r="BB48" s="946"/>
      <c r="BC48" s="1035"/>
      <c r="BD48" s="213"/>
      <c r="BE48" s="213"/>
      <c r="BF48" s="174"/>
    </row>
    <row r="49" spans="1:78" s="270" customFormat="1" ht="29.25" customHeight="1" x14ac:dyDescent="0.2">
      <c r="A49" s="689" t="s">
        <v>26</v>
      </c>
      <c r="B49" s="690"/>
      <c r="C49" s="691"/>
      <c r="D49" s="761"/>
      <c r="E49" s="762"/>
      <c r="F49" s="763"/>
      <c r="G49" s="761"/>
      <c r="H49" s="762"/>
      <c r="I49" s="763"/>
      <c r="J49" s="761"/>
      <c r="K49" s="761"/>
      <c r="L49" s="761"/>
      <c r="M49" s="762"/>
      <c r="N49" s="962" t="str">
        <f>IF(I49="","",IFERROR(VLOOKUP(I49,製品リスト!$D$4:$F$1000,2,0),"SII登録型番を正しく入力してください"))</f>
        <v/>
      </c>
      <c r="O49" s="963"/>
      <c r="P49" s="963"/>
      <c r="Q49" s="963"/>
      <c r="R49" s="963"/>
      <c r="S49" s="963"/>
      <c r="T49" s="963"/>
      <c r="U49" s="964"/>
      <c r="V49" s="962" t="str">
        <f>IF(I49="","",IFERROR(VLOOKUP(I49,製品リスト!$D$4:$F$1000,3,0),"SII登録型番を正しく入力してください"))</f>
        <v/>
      </c>
      <c r="W49" s="963"/>
      <c r="X49" s="963"/>
      <c r="Y49" s="963"/>
      <c r="Z49" s="963"/>
      <c r="AA49" s="963"/>
      <c r="AB49" s="963"/>
      <c r="AC49" s="963"/>
      <c r="AD49" s="964"/>
      <c r="AE49" s="1019"/>
      <c r="AF49" s="1020"/>
      <c r="AG49" s="1020"/>
      <c r="AH49" s="1021"/>
      <c r="AI49" s="852"/>
      <c r="AJ49" s="853"/>
      <c r="AK49" s="853"/>
      <c r="AL49" s="853"/>
      <c r="AM49" s="114" t="s">
        <v>23</v>
      </c>
      <c r="AN49" s="1036">
        <f>SUM(AE49*AI49,AE50*AI50,AE51*AI51,AE52*AI52,AE53*AI53)</f>
        <v>0</v>
      </c>
      <c r="AO49" s="1037"/>
      <c r="AP49" s="1037"/>
      <c r="AQ49" s="1037"/>
      <c r="AR49" s="1038"/>
      <c r="AS49" s="1044"/>
      <c r="AT49" s="1045"/>
      <c r="AU49" s="1046"/>
      <c r="AV49" s="763"/>
      <c r="AW49" s="762"/>
      <c r="AX49" s="926"/>
      <c r="AY49" s="927"/>
      <c r="AZ49" s="927"/>
      <c r="BA49" s="927"/>
      <c r="BB49" s="927"/>
      <c r="BC49" s="928"/>
      <c r="BD49" s="195"/>
      <c r="BE49" s="195"/>
      <c r="BF49" s="176">
        <v>30</v>
      </c>
      <c r="BG49" s="334"/>
      <c r="BH49" s="4"/>
      <c r="BI49" s="4"/>
      <c r="BJ49" s="4"/>
      <c r="BK49" s="4"/>
      <c r="BL49" s="4"/>
      <c r="BM49" s="4"/>
      <c r="BN49" s="4"/>
      <c r="BO49" s="4"/>
      <c r="BP49" s="4"/>
      <c r="BQ49" s="4"/>
      <c r="BR49" s="4"/>
      <c r="BS49" s="4"/>
      <c r="BT49" s="4"/>
      <c r="BU49" s="4"/>
      <c r="BV49" s="4"/>
      <c r="BW49" s="4"/>
      <c r="BX49" s="4"/>
      <c r="BY49" s="4"/>
      <c r="BZ49" s="4"/>
    </row>
    <row r="50" spans="1:78" s="270" customFormat="1" ht="29.25" customHeight="1" x14ac:dyDescent="0.2">
      <c r="A50" s="689"/>
      <c r="B50" s="690"/>
      <c r="C50" s="691"/>
      <c r="D50" s="948"/>
      <c r="E50" s="949"/>
      <c r="F50" s="988"/>
      <c r="G50" s="948"/>
      <c r="H50" s="949"/>
      <c r="I50" s="741"/>
      <c r="J50" s="739"/>
      <c r="K50" s="739"/>
      <c r="L50" s="739"/>
      <c r="M50" s="740"/>
      <c r="N50" s="933" t="str">
        <f>IF(I50="","",IFERROR(VLOOKUP(I50,製品リスト!$D$4:$F$1000,2,0),"SII登録型番を正しく入力してください"))</f>
        <v/>
      </c>
      <c r="O50" s="934"/>
      <c r="P50" s="934"/>
      <c r="Q50" s="934"/>
      <c r="R50" s="934"/>
      <c r="S50" s="934"/>
      <c r="T50" s="934"/>
      <c r="U50" s="935"/>
      <c r="V50" s="933" t="str">
        <f>IF(I50="","",IFERROR(VLOOKUP(I50,製品リスト!$D$4:$F$1000,3,0),"SII登録型番を正しく入力してください"))</f>
        <v/>
      </c>
      <c r="W50" s="934"/>
      <c r="X50" s="934"/>
      <c r="Y50" s="934"/>
      <c r="Z50" s="934"/>
      <c r="AA50" s="934"/>
      <c r="AB50" s="934"/>
      <c r="AC50" s="934"/>
      <c r="AD50" s="935"/>
      <c r="AE50" s="936"/>
      <c r="AF50" s="937"/>
      <c r="AG50" s="937"/>
      <c r="AH50" s="938"/>
      <c r="AI50" s="839"/>
      <c r="AJ50" s="840"/>
      <c r="AK50" s="840"/>
      <c r="AL50" s="840"/>
      <c r="AM50" s="39" t="s">
        <v>23</v>
      </c>
      <c r="AN50" s="1036"/>
      <c r="AO50" s="1037"/>
      <c r="AP50" s="1037"/>
      <c r="AQ50" s="1037"/>
      <c r="AR50" s="1038"/>
      <c r="AS50" s="1041"/>
      <c r="AT50" s="1042"/>
      <c r="AU50" s="1043"/>
      <c r="AV50" s="741"/>
      <c r="AW50" s="740"/>
      <c r="AX50" s="982"/>
      <c r="AY50" s="983"/>
      <c r="AZ50" s="983"/>
      <c r="BA50" s="983"/>
      <c r="BB50" s="983"/>
      <c r="BC50" s="984"/>
      <c r="BD50" s="195"/>
      <c r="BE50" s="195"/>
      <c r="BF50" s="176">
        <v>31</v>
      </c>
      <c r="BG50" s="334"/>
      <c r="BH50" s="4"/>
      <c r="BI50" s="4"/>
      <c r="BJ50" s="4"/>
      <c r="BK50" s="4"/>
      <c r="BL50" s="4"/>
      <c r="BM50" s="4"/>
      <c r="BN50" s="4"/>
      <c r="BO50" s="4"/>
      <c r="BP50" s="4"/>
      <c r="BQ50" s="4"/>
      <c r="BR50" s="4"/>
      <c r="BS50" s="4"/>
      <c r="BT50" s="4"/>
      <c r="BU50" s="4"/>
      <c r="BV50" s="4"/>
      <c r="BW50" s="4"/>
      <c r="BX50" s="4"/>
      <c r="BY50" s="4"/>
      <c r="BZ50" s="4"/>
    </row>
    <row r="51" spans="1:78" s="270" customFormat="1" ht="29.25" customHeight="1" x14ac:dyDescent="0.2">
      <c r="A51" s="689"/>
      <c r="B51" s="690"/>
      <c r="C51" s="691"/>
      <c r="D51" s="948"/>
      <c r="E51" s="949"/>
      <c r="F51" s="988"/>
      <c r="G51" s="948"/>
      <c r="H51" s="949"/>
      <c r="I51" s="741"/>
      <c r="J51" s="739"/>
      <c r="K51" s="739"/>
      <c r="L51" s="739"/>
      <c r="M51" s="740"/>
      <c r="N51" s="933" t="str">
        <f>IF(I51="","",IFERROR(VLOOKUP(I51,製品リスト!$D$4:$F$1000,2,0),"SII登録型番を正しく入力してください"))</f>
        <v/>
      </c>
      <c r="O51" s="934"/>
      <c r="P51" s="934"/>
      <c r="Q51" s="934"/>
      <c r="R51" s="934"/>
      <c r="S51" s="934"/>
      <c r="T51" s="934"/>
      <c r="U51" s="935"/>
      <c r="V51" s="933" t="str">
        <f>IF(I51="","",IFERROR(VLOOKUP(I51,製品リスト!$D$4:$F$1000,3,0),"SII登録型番を正しく入力してください"))</f>
        <v/>
      </c>
      <c r="W51" s="934"/>
      <c r="X51" s="934"/>
      <c r="Y51" s="934"/>
      <c r="Z51" s="934"/>
      <c r="AA51" s="934"/>
      <c r="AB51" s="934"/>
      <c r="AC51" s="934"/>
      <c r="AD51" s="935"/>
      <c r="AE51" s="936"/>
      <c r="AF51" s="937"/>
      <c r="AG51" s="937"/>
      <c r="AH51" s="938"/>
      <c r="AI51" s="839"/>
      <c r="AJ51" s="840"/>
      <c r="AK51" s="840"/>
      <c r="AL51" s="840"/>
      <c r="AM51" s="39" t="s">
        <v>13</v>
      </c>
      <c r="AN51" s="1036"/>
      <c r="AO51" s="1037"/>
      <c r="AP51" s="1037"/>
      <c r="AQ51" s="1037"/>
      <c r="AR51" s="1038"/>
      <c r="AS51" s="1041"/>
      <c r="AT51" s="1042"/>
      <c r="AU51" s="1043"/>
      <c r="AV51" s="741"/>
      <c r="AW51" s="740"/>
      <c r="AX51" s="982"/>
      <c r="AY51" s="983"/>
      <c r="AZ51" s="983"/>
      <c r="BA51" s="983"/>
      <c r="BB51" s="983"/>
      <c r="BC51" s="984"/>
      <c r="BD51" s="195"/>
      <c r="BE51" s="195"/>
      <c r="BF51" s="176">
        <v>32</v>
      </c>
      <c r="BG51" s="334"/>
      <c r="BH51" s="4"/>
      <c r="BI51" s="4"/>
      <c r="BJ51" s="4"/>
      <c r="BK51" s="4"/>
      <c r="BL51" s="4"/>
      <c r="BM51" s="4"/>
      <c r="BN51" s="4"/>
      <c r="BO51" s="4"/>
      <c r="BP51" s="4"/>
      <c r="BQ51" s="4"/>
      <c r="BR51" s="4"/>
      <c r="BS51" s="4"/>
      <c r="BT51" s="4"/>
      <c r="BU51" s="4"/>
      <c r="BV51" s="4"/>
      <c r="BW51" s="4"/>
      <c r="BX51" s="4"/>
      <c r="BY51" s="4"/>
      <c r="BZ51" s="4"/>
    </row>
    <row r="52" spans="1:78" s="270" customFormat="1" ht="29.25" customHeight="1" x14ac:dyDescent="0.2">
      <c r="A52" s="689"/>
      <c r="B52" s="690"/>
      <c r="C52" s="691"/>
      <c r="D52" s="948"/>
      <c r="E52" s="949"/>
      <c r="F52" s="988"/>
      <c r="G52" s="948"/>
      <c r="H52" s="949"/>
      <c r="I52" s="741"/>
      <c r="J52" s="739"/>
      <c r="K52" s="739"/>
      <c r="L52" s="739"/>
      <c r="M52" s="740"/>
      <c r="N52" s="933" t="str">
        <f>IF(I52="","",IFERROR(VLOOKUP(I52,製品リスト!$D$4:$F$1000,2,0),"SII登録型番を正しく入力してください"))</f>
        <v/>
      </c>
      <c r="O52" s="934"/>
      <c r="P52" s="934"/>
      <c r="Q52" s="934"/>
      <c r="R52" s="934"/>
      <c r="S52" s="934"/>
      <c r="T52" s="934"/>
      <c r="U52" s="935"/>
      <c r="V52" s="933" t="str">
        <f>IF(I52="","",IFERROR(VLOOKUP(I52,製品リスト!$D$4:$F$1000,3,0),"SII登録型番を正しく入力してください"))</f>
        <v/>
      </c>
      <c r="W52" s="934"/>
      <c r="X52" s="934"/>
      <c r="Y52" s="934"/>
      <c r="Z52" s="934"/>
      <c r="AA52" s="934"/>
      <c r="AB52" s="934"/>
      <c r="AC52" s="934"/>
      <c r="AD52" s="935"/>
      <c r="AE52" s="936"/>
      <c r="AF52" s="937"/>
      <c r="AG52" s="937"/>
      <c r="AH52" s="938"/>
      <c r="AI52" s="839"/>
      <c r="AJ52" s="840"/>
      <c r="AK52" s="840"/>
      <c r="AL52" s="840"/>
      <c r="AM52" s="39" t="s">
        <v>13</v>
      </c>
      <c r="AN52" s="1036"/>
      <c r="AO52" s="1037"/>
      <c r="AP52" s="1037"/>
      <c r="AQ52" s="1037"/>
      <c r="AR52" s="1038"/>
      <c r="AS52" s="1041"/>
      <c r="AT52" s="1042"/>
      <c r="AU52" s="1043"/>
      <c r="AV52" s="741"/>
      <c r="AW52" s="740"/>
      <c r="AX52" s="982"/>
      <c r="AY52" s="983"/>
      <c r="AZ52" s="983"/>
      <c r="BA52" s="983"/>
      <c r="BB52" s="983"/>
      <c r="BC52" s="984"/>
      <c r="BD52" s="195"/>
      <c r="BE52" s="195"/>
      <c r="BF52" s="176">
        <v>33</v>
      </c>
      <c r="BG52" s="329"/>
      <c r="BH52" s="4"/>
      <c r="BI52" s="4"/>
      <c r="BJ52" s="4"/>
      <c r="BK52" s="4"/>
      <c r="BL52" s="4"/>
      <c r="BM52" s="4"/>
      <c r="BN52" s="4"/>
      <c r="BO52" s="4"/>
      <c r="BP52" s="4"/>
      <c r="BQ52" s="4"/>
      <c r="BR52" s="4"/>
      <c r="BS52" s="4"/>
      <c r="BT52" s="4"/>
      <c r="BU52" s="4"/>
      <c r="BV52" s="4"/>
      <c r="BW52" s="4"/>
      <c r="BX52" s="4"/>
      <c r="BY52" s="4"/>
      <c r="BZ52" s="4"/>
    </row>
    <row r="53" spans="1:78" s="270" customFormat="1" ht="29.25" customHeight="1" x14ac:dyDescent="0.2">
      <c r="A53" s="689"/>
      <c r="B53" s="690"/>
      <c r="C53" s="691"/>
      <c r="D53" s="985"/>
      <c r="E53" s="986"/>
      <c r="F53" s="987"/>
      <c r="G53" s="985"/>
      <c r="H53" s="986"/>
      <c r="I53" s="956"/>
      <c r="J53" s="957"/>
      <c r="K53" s="957"/>
      <c r="L53" s="957"/>
      <c r="M53" s="958"/>
      <c r="N53" s="959" t="str">
        <f>IF(I53="","",IFERROR(VLOOKUP(I53,製品リスト!$D$4:$F$1000,2,0),"SII登録型番を正しく入力してください"))</f>
        <v/>
      </c>
      <c r="O53" s="960"/>
      <c r="P53" s="960"/>
      <c r="Q53" s="960"/>
      <c r="R53" s="960"/>
      <c r="S53" s="960"/>
      <c r="T53" s="960"/>
      <c r="U53" s="961"/>
      <c r="V53" s="959" t="str">
        <f>IF(I53="","",IFERROR(VLOOKUP(I53,製品リスト!$D$4:$F$1000,3,0),"SII登録型番を正しく入力してください"))</f>
        <v/>
      </c>
      <c r="W53" s="960"/>
      <c r="X53" s="960"/>
      <c r="Y53" s="960"/>
      <c r="Z53" s="960"/>
      <c r="AA53" s="960"/>
      <c r="AB53" s="960"/>
      <c r="AC53" s="960"/>
      <c r="AD53" s="961"/>
      <c r="AE53" s="996"/>
      <c r="AF53" s="997"/>
      <c r="AG53" s="997"/>
      <c r="AH53" s="998"/>
      <c r="AI53" s="841"/>
      <c r="AJ53" s="842"/>
      <c r="AK53" s="842"/>
      <c r="AL53" s="842"/>
      <c r="AM53" s="40" t="s">
        <v>13</v>
      </c>
      <c r="AN53" s="1036"/>
      <c r="AO53" s="1037"/>
      <c r="AP53" s="1037"/>
      <c r="AQ53" s="1037"/>
      <c r="AR53" s="1038"/>
      <c r="AS53" s="920"/>
      <c r="AT53" s="921"/>
      <c r="AU53" s="922"/>
      <c r="AV53" s="956"/>
      <c r="AW53" s="958"/>
      <c r="AX53" s="923"/>
      <c r="AY53" s="924"/>
      <c r="AZ53" s="924"/>
      <c r="BA53" s="924"/>
      <c r="BB53" s="924"/>
      <c r="BC53" s="925"/>
      <c r="BD53" s="195"/>
      <c r="BE53" s="195"/>
      <c r="BF53" s="176">
        <v>34</v>
      </c>
      <c r="BG53" s="329"/>
      <c r="BH53" s="4"/>
      <c r="BI53" s="4"/>
      <c r="BJ53" s="4"/>
      <c r="BK53" s="4"/>
      <c r="BL53" s="4"/>
      <c r="BM53" s="4"/>
      <c r="BN53" s="4"/>
      <c r="BO53" s="4"/>
      <c r="BP53" s="4"/>
      <c r="BQ53" s="4"/>
      <c r="BR53" s="4"/>
      <c r="BS53" s="4"/>
      <c r="BT53" s="4"/>
      <c r="BU53" s="4"/>
      <c r="BV53" s="4"/>
      <c r="BW53" s="4"/>
      <c r="BX53" s="4"/>
      <c r="BY53" s="4"/>
      <c r="BZ53" s="4"/>
    </row>
    <row r="54" spans="1:78" ht="33" customHeight="1" x14ac:dyDescent="0.2">
      <c r="A54" s="1006"/>
      <c r="B54" s="1007"/>
      <c r="C54" s="1008"/>
      <c r="D54" s="973" t="s">
        <v>58</v>
      </c>
      <c r="E54" s="974"/>
      <c r="F54" s="974"/>
      <c r="G54" s="974"/>
      <c r="H54" s="974"/>
      <c r="I54" s="974"/>
      <c r="J54" s="974"/>
      <c r="K54" s="974"/>
      <c r="L54" s="974"/>
      <c r="M54" s="974"/>
      <c r="N54" s="974"/>
      <c r="O54" s="974"/>
      <c r="P54" s="974"/>
      <c r="Q54" s="974"/>
      <c r="R54" s="974"/>
      <c r="S54" s="974"/>
      <c r="T54" s="974"/>
      <c r="U54" s="974"/>
      <c r="V54" s="974"/>
      <c r="W54" s="974"/>
      <c r="X54" s="974"/>
      <c r="Y54" s="974"/>
      <c r="Z54" s="974"/>
      <c r="AA54" s="974"/>
      <c r="AB54" s="974"/>
      <c r="AC54" s="974"/>
      <c r="AD54" s="974"/>
      <c r="AE54" s="974"/>
      <c r="AF54" s="974"/>
      <c r="AG54" s="974"/>
      <c r="AH54" s="974"/>
      <c r="AI54" s="974"/>
      <c r="AJ54" s="974"/>
      <c r="AK54" s="974"/>
      <c r="AL54" s="974"/>
      <c r="AM54" s="974"/>
      <c r="AN54" s="975" t="str">
        <f>IF(OR($G$6="■",AN49="",$V$47=""),"",ROUNDDOWN(AN49/V47,0))</f>
        <v/>
      </c>
      <c r="AO54" s="976"/>
      <c r="AP54" s="976"/>
      <c r="AQ54" s="976"/>
      <c r="AR54" s="977"/>
      <c r="AS54" s="978" t="s">
        <v>45</v>
      </c>
      <c r="AT54" s="979"/>
      <c r="AU54" s="979"/>
      <c r="AV54" s="979"/>
      <c r="AW54" s="979"/>
      <c r="AX54" s="980">
        <f>SUM(AX49:BC53)</f>
        <v>0</v>
      </c>
      <c r="AY54" s="980"/>
      <c r="AZ54" s="980"/>
      <c r="BA54" s="980"/>
      <c r="BB54" s="980"/>
      <c r="BC54" s="981"/>
      <c r="BD54" s="214"/>
      <c r="BE54" s="215"/>
      <c r="BF54" s="176">
        <v>35</v>
      </c>
      <c r="BG54" s="329"/>
    </row>
    <row r="55" spans="1:78" s="270" customFormat="1" ht="36" customHeight="1" thickBot="1" x14ac:dyDescent="0.25">
      <c r="A55" s="929" t="s">
        <v>43</v>
      </c>
      <c r="B55" s="687"/>
      <c r="C55" s="688"/>
      <c r="D55" s="970" t="s">
        <v>132</v>
      </c>
      <c r="E55" s="971"/>
      <c r="F55" s="971"/>
      <c r="G55" s="971"/>
      <c r="H55" s="971"/>
      <c r="I55" s="971"/>
      <c r="J55" s="971"/>
      <c r="K55" s="971"/>
      <c r="L55" s="971"/>
      <c r="M55" s="971"/>
      <c r="N55" s="971"/>
      <c r="O55" s="971"/>
      <c r="P55" s="971"/>
      <c r="Q55" s="971"/>
      <c r="R55" s="971"/>
      <c r="S55" s="971"/>
      <c r="T55" s="971"/>
      <c r="U55" s="971"/>
      <c r="V55" s="971"/>
      <c r="W55" s="971"/>
      <c r="X55" s="971"/>
      <c r="Y55" s="971"/>
      <c r="Z55" s="971"/>
      <c r="AA55" s="971"/>
      <c r="AB55" s="971"/>
      <c r="AC55" s="971"/>
      <c r="AD55" s="971"/>
      <c r="AE55" s="971"/>
      <c r="AF55" s="971"/>
      <c r="AG55" s="971"/>
      <c r="AH55" s="971"/>
      <c r="AI55" s="971"/>
      <c r="AJ55" s="971"/>
      <c r="AK55" s="971"/>
      <c r="AL55" s="971"/>
      <c r="AM55" s="971"/>
      <c r="AN55" s="971"/>
      <c r="AO55" s="971"/>
      <c r="AP55" s="971"/>
      <c r="AQ55" s="971"/>
      <c r="AR55" s="971"/>
      <c r="AS55" s="971"/>
      <c r="AT55" s="971"/>
      <c r="AU55" s="971"/>
      <c r="AV55" s="971"/>
      <c r="AW55" s="972"/>
      <c r="AX55" s="930"/>
      <c r="AY55" s="931"/>
      <c r="AZ55" s="931"/>
      <c r="BA55" s="931"/>
      <c r="BB55" s="931"/>
      <c r="BC55" s="932"/>
      <c r="BD55" s="195"/>
      <c r="BE55" s="195"/>
      <c r="BF55" s="176">
        <v>36</v>
      </c>
      <c r="BG55" s="329"/>
      <c r="BH55" s="4"/>
      <c r="BI55" s="4"/>
      <c r="BJ55" s="4"/>
      <c r="BK55" s="4"/>
      <c r="BL55" s="4"/>
      <c r="BM55" s="4"/>
      <c r="BN55" s="4"/>
      <c r="BO55" s="4"/>
      <c r="BP55" s="4"/>
      <c r="BQ55" s="4"/>
      <c r="BR55" s="4"/>
      <c r="BS55" s="4"/>
      <c r="BT55" s="4"/>
      <c r="BU55" s="4"/>
      <c r="BV55" s="4"/>
      <c r="BW55" s="4"/>
      <c r="BX55" s="4"/>
      <c r="BY55" s="4"/>
      <c r="BZ55" s="4"/>
    </row>
    <row r="56" spans="1:78" s="270" customFormat="1" ht="36" customHeight="1" thickTop="1" thickBot="1" x14ac:dyDescent="0.25">
      <c r="A56" s="965" t="s">
        <v>67</v>
      </c>
      <c r="B56" s="966"/>
      <c r="C56" s="966"/>
      <c r="D56" s="966"/>
      <c r="E56" s="966"/>
      <c r="F56" s="966"/>
      <c r="G56" s="966"/>
      <c r="H56" s="966"/>
      <c r="I56" s="966"/>
      <c r="J56" s="966"/>
      <c r="K56" s="966"/>
      <c r="L56" s="966"/>
      <c r="M56" s="966"/>
      <c r="N56" s="966"/>
      <c r="O56" s="966"/>
      <c r="P56" s="966"/>
      <c r="Q56" s="966"/>
      <c r="R56" s="966"/>
      <c r="S56" s="966"/>
      <c r="T56" s="966"/>
      <c r="U56" s="966"/>
      <c r="V56" s="966"/>
      <c r="W56" s="966"/>
      <c r="X56" s="966"/>
      <c r="Y56" s="966"/>
      <c r="Z56" s="966"/>
      <c r="AA56" s="966"/>
      <c r="AB56" s="966"/>
      <c r="AC56" s="966"/>
      <c r="AD56" s="966"/>
      <c r="AE56" s="966"/>
      <c r="AF56" s="966"/>
      <c r="AG56" s="966"/>
      <c r="AH56" s="966"/>
      <c r="AI56" s="966"/>
      <c r="AJ56" s="966"/>
      <c r="AK56" s="966"/>
      <c r="AL56" s="966"/>
      <c r="AM56" s="966"/>
      <c r="AN56" s="966"/>
      <c r="AO56" s="966"/>
      <c r="AP56" s="966"/>
      <c r="AQ56" s="966"/>
      <c r="AR56" s="966"/>
      <c r="AS56" s="966"/>
      <c r="AT56" s="966"/>
      <c r="AU56" s="966"/>
      <c r="AV56" s="966"/>
      <c r="AW56" s="966"/>
      <c r="AX56" s="967">
        <f>SUM(AX54:BC55)</f>
        <v>0</v>
      </c>
      <c r="AY56" s="968"/>
      <c r="AZ56" s="968"/>
      <c r="BA56" s="968"/>
      <c r="BB56" s="968"/>
      <c r="BC56" s="969"/>
      <c r="BD56" s="210"/>
      <c r="BE56" s="210"/>
      <c r="BF56" s="176">
        <v>37</v>
      </c>
      <c r="BG56" s="334"/>
      <c r="BH56" s="4"/>
      <c r="BI56" s="4"/>
      <c r="BJ56" s="4"/>
      <c r="BK56" s="4"/>
      <c r="BL56" s="4"/>
      <c r="BM56" s="4"/>
      <c r="BN56" s="4"/>
      <c r="BO56" s="4"/>
      <c r="BP56" s="4"/>
      <c r="BQ56" s="4"/>
      <c r="BR56" s="4"/>
      <c r="BS56" s="4"/>
      <c r="BT56" s="4"/>
      <c r="BU56" s="4"/>
      <c r="BV56" s="4"/>
      <c r="BW56" s="4"/>
      <c r="BX56" s="4"/>
      <c r="BY56" s="4"/>
      <c r="BZ56" s="4"/>
    </row>
    <row r="57" spans="1:78" s="270" customFormat="1" ht="15" customHeight="1" thickBot="1" x14ac:dyDescent="0.25">
      <c r="A57" s="45"/>
      <c r="B57" s="45"/>
      <c r="C57" s="45"/>
      <c r="D57" s="45"/>
      <c r="E57" s="45"/>
      <c r="F57" s="45"/>
      <c r="G57" s="45"/>
      <c r="H57" s="45"/>
      <c r="I57" s="45"/>
      <c r="J57" s="45"/>
      <c r="K57" s="45"/>
      <c r="L57" s="45"/>
      <c r="M57" s="45"/>
      <c r="N57" s="45"/>
      <c r="O57" s="45"/>
      <c r="P57" s="45"/>
      <c r="Q57" s="45"/>
      <c r="R57" s="45"/>
      <c r="S57" s="45"/>
      <c r="T57" s="45"/>
      <c r="U57" s="45"/>
      <c r="V57" s="45"/>
      <c r="W57" s="45"/>
      <c r="X57" s="45"/>
      <c r="Y57" s="45"/>
      <c r="Z57" s="45"/>
      <c r="AA57" s="45"/>
      <c r="AB57" s="45"/>
      <c r="AC57" s="45"/>
      <c r="AD57" s="45"/>
      <c r="AE57" s="45"/>
      <c r="AF57" s="45"/>
      <c r="AG57" s="45"/>
      <c r="AH57" s="45"/>
      <c r="AI57" s="45"/>
      <c r="AJ57" s="45"/>
      <c r="AK57" s="45"/>
      <c r="AL57" s="45"/>
      <c r="AM57" s="45"/>
      <c r="AN57" s="45"/>
      <c r="AO57" s="45"/>
      <c r="AP57" s="45"/>
      <c r="AQ57" s="45"/>
      <c r="AR57" s="45"/>
      <c r="AS57" s="46"/>
      <c r="AT57" s="46"/>
      <c r="AU57" s="46"/>
      <c r="AV57" s="47"/>
      <c r="AW57" s="47"/>
      <c r="AX57" s="48"/>
      <c r="AY57" s="48"/>
      <c r="AZ57" s="48"/>
      <c r="BA57" s="48"/>
      <c r="BB57" s="48"/>
      <c r="BC57" s="48"/>
      <c r="BD57" s="211"/>
      <c r="BE57" s="211"/>
      <c r="BF57" s="175"/>
      <c r="BG57" s="343"/>
      <c r="BH57" s="4"/>
      <c r="BI57" s="4"/>
      <c r="BJ57" s="4"/>
      <c r="BK57" s="4"/>
      <c r="BL57" s="4"/>
      <c r="BM57" s="4"/>
      <c r="BN57" s="4"/>
      <c r="BO57" s="4"/>
      <c r="BP57" s="4"/>
      <c r="BQ57" s="4"/>
      <c r="BR57" s="4"/>
      <c r="BS57" s="4"/>
      <c r="BT57" s="4"/>
      <c r="BU57" s="4"/>
      <c r="BV57" s="4"/>
      <c r="BW57" s="4"/>
      <c r="BX57" s="4"/>
      <c r="BY57" s="4"/>
      <c r="BZ57" s="4"/>
    </row>
    <row r="58" spans="1:78" s="270" customFormat="1" ht="36.9" customHeight="1" thickBot="1" x14ac:dyDescent="0.25">
      <c r="A58" s="1022" t="s">
        <v>34</v>
      </c>
      <c r="B58" s="1023"/>
      <c r="C58" s="1023"/>
      <c r="D58" s="1023"/>
      <c r="E58" s="1023"/>
      <c r="F58" s="1023"/>
      <c r="G58" s="1023"/>
      <c r="H58" s="1023"/>
      <c r="I58" s="1023"/>
      <c r="J58" s="1023"/>
      <c r="K58" s="1023"/>
      <c r="L58" s="1023"/>
      <c r="M58" s="1023"/>
      <c r="N58" s="1023"/>
      <c r="O58" s="1023"/>
      <c r="P58" s="1023"/>
      <c r="Q58" s="1023"/>
      <c r="R58" s="1023"/>
      <c r="S58" s="1023"/>
      <c r="T58" s="1023"/>
      <c r="U58" s="1023"/>
      <c r="V58" s="1023"/>
      <c r="W58" s="1023"/>
      <c r="X58" s="1023"/>
      <c r="Y58" s="1023"/>
      <c r="Z58" s="1023"/>
      <c r="AA58" s="1023"/>
      <c r="AB58" s="1023"/>
      <c r="AC58" s="1023"/>
      <c r="AD58" s="1023"/>
      <c r="AE58" s="1023"/>
      <c r="AF58" s="1023"/>
      <c r="AG58" s="1023"/>
      <c r="AH58" s="1023"/>
      <c r="AI58" s="1023"/>
      <c r="AJ58" s="1023"/>
      <c r="AK58" s="1023"/>
      <c r="AL58" s="1023"/>
      <c r="AM58" s="1023"/>
      <c r="AN58" s="1023"/>
      <c r="AO58" s="1023"/>
      <c r="AP58" s="1023"/>
      <c r="AQ58" s="1023"/>
      <c r="AR58" s="1023"/>
      <c r="AS58" s="1023"/>
      <c r="AT58" s="1023"/>
      <c r="AU58" s="1023"/>
      <c r="AV58" s="1023"/>
      <c r="AW58" s="1024"/>
      <c r="AX58" s="1025">
        <f>SUM(AX23,AX34,AX45,AX56)</f>
        <v>0</v>
      </c>
      <c r="AY58" s="1026"/>
      <c r="AZ58" s="1026"/>
      <c r="BA58" s="1026"/>
      <c r="BB58" s="1026"/>
      <c r="BC58" s="1027"/>
      <c r="BD58" s="212"/>
      <c r="BE58" s="212"/>
      <c r="BF58" s="176">
        <v>38</v>
      </c>
      <c r="BG58" s="334"/>
      <c r="BH58" s="4"/>
      <c r="BI58" s="4"/>
      <c r="BJ58" s="4"/>
      <c r="BK58" s="4"/>
      <c r="BL58" s="4"/>
      <c r="BM58" s="4"/>
      <c r="BN58" s="4"/>
      <c r="BO58" s="4"/>
      <c r="BP58" s="4"/>
      <c r="BQ58" s="4"/>
      <c r="BR58" s="4"/>
      <c r="BS58" s="4"/>
      <c r="BT58" s="4"/>
      <c r="BU58" s="4"/>
      <c r="BV58" s="4"/>
      <c r="BW58" s="4"/>
      <c r="BX58" s="4"/>
      <c r="BY58" s="4"/>
      <c r="BZ58" s="4"/>
    </row>
    <row r="59" spans="1:78" s="270" customFormat="1" ht="16.5" customHeight="1" x14ac:dyDescent="0.2">
      <c r="A59" s="38"/>
      <c r="B59" s="38"/>
      <c r="C59" s="38"/>
      <c r="D59" s="38"/>
      <c r="E59" s="38"/>
      <c r="F59" s="38"/>
      <c r="G59" s="38"/>
      <c r="H59" s="38"/>
      <c r="I59" s="38"/>
      <c r="J59" s="38"/>
      <c r="K59" s="38"/>
      <c r="L59" s="38"/>
      <c r="M59" s="38"/>
      <c r="N59" s="38"/>
      <c r="O59" s="38"/>
      <c r="P59" s="38"/>
      <c r="Q59" s="38"/>
      <c r="R59" s="38"/>
      <c r="S59" s="38"/>
      <c r="T59" s="38"/>
      <c r="U59" s="38"/>
      <c r="V59" s="38"/>
      <c r="W59" s="38"/>
      <c r="X59" s="38"/>
      <c r="Y59" s="38"/>
      <c r="Z59" s="38"/>
      <c r="AA59" s="38"/>
      <c r="AB59" s="38"/>
      <c r="AC59" s="38"/>
      <c r="AD59" s="38"/>
      <c r="AE59" s="38"/>
      <c r="AF59" s="38"/>
      <c r="AG59" s="38"/>
      <c r="AH59" s="38"/>
      <c r="AI59" s="38"/>
      <c r="AJ59" s="38"/>
      <c r="AK59" s="38"/>
      <c r="AL59" s="38"/>
      <c r="AM59" s="38"/>
      <c r="AN59" s="38"/>
      <c r="AO59" s="38"/>
      <c r="AP59" s="38"/>
      <c r="AQ59" s="38"/>
      <c r="AR59" s="38"/>
      <c r="AS59" s="38"/>
      <c r="AT59" s="38"/>
      <c r="AU59" s="38"/>
      <c r="AV59" s="38"/>
      <c r="AW59" s="38"/>
      <c r="AX59" s="37"/>
      <c r="AY59" s="37"/>
      <c r="AZ59" s="37"/>
      <c r="BA59" s="37"/>
      <c r="BB59" s="37"/>
      <c r="BC59" s="37"/>
      <c r="BD59" s="37"/>
      <c r="BE59" s="37"/>
      <c r="BF59" s="175"/>
      <c r="BG59" s="336"/>
      <c r="BH59" s="4"/>
      <c r="BI59" s="4"/>
      <c r="BJ59" s="4"/>
      <c r="BK59" s="4"/>
      <c r="BL59" s="4"/>
      <c r="BM59" s="4"/>
      <c r="BN59" s="4"/>
      <c r="BO59" s="4"/>
      <c r="BP59" s="4"/>
      <c r="BQ59" s="4"/>
      <c r="BR59" s="4"/>
      <c r="BS59" s="4"/>
      <c r="BT59" s="4"/>
      <c r="BU59" s="4"/>
      <c r="BV59" s="4"/>
      <c r="BW59" s="4"/>
      <c r="BX59" s="4"/>
      <c r="BY59" s="4"/>
      <c r="BZ59" s="4"/>
    </row>
  </sheetData>
  <sheetProtection algorithmName="SHA-512" hashValue="aIk4hYMXBrvILDC2BdRy4l68J4dAFnuO9BXT6k4Cg9XlPSB0bm8k2mw8h+RVD8/kVtdhuC6r3WGAm3QyKpO+sg==" saltValue="ph50RGXJR5tzE5m1SfMZDw==" spinCount="100000" sheet="1" objects="1" formatColumns="0"/>
  <mergeCells count="332">
    <mergeCell ref="BG4:BG5"/>
    <mergeCell ref="AV42:AW42"/>
    <mergeCell ref="AE37:AH37"/>
    <mergeCell ref="AV28:AW28"/>
    <mergeCell ref="AE42:AH42"/>
    <mergeCell ref="AX33:BC33"/>
    <mergeCell ref="AX6:AZ6"/>
    <mergeCell ref="AS19:AU19"/>
    <mergeCell ref="AM6:AW6"/>
    <mergeCell ref="AI26:AM26"/>
    <mergeCell ref="AN26:AR26"/>
    <mergeCell ref="AS41:AU41"/>
    <mergeCell ref="AV41:AW41"/>
    <mergeCell ref="AE41:AH41"/>
    <mergeCell ref="AI41:AL41"/>
    <mergeCell ref="AI40:AL40"/>
    <mergeCell ref="AS40:AU40"/>
    <mergeCell ref="AV40:AW40"/>
    <mergeCell ref="AV39:AW39"/>
    <mergeCell ref="AS38:AU38"/>
    <mergeCell ref="AI39:AL39"/>
    <mergeCell ref="AI42:AL42"/>
    <mergeCell ref="AS42:AU42"/>
    <mergeCell ref="AI31:AL31"/>
    <mergeCell ref="D50:E50"/>
    <mergeCell ref="F50:H50"/>
    <mergeCell ref="I50:M50"/>
    <mergeCell ref="AX15:BC15"/>
    <mergeCell ref="A15:C15"/>
    <mergeCell ref="F15:H15"/>
    <mergeCell ref="N15:U15"/>
    <mergeCell ref="V15:AD15"/>
    <mergeCell ref="AX19:BC19"/>
    <mergeCell ref="D17:E17"/>
    <mergeCell ref="F18:H18"/>
    <mergeCell ref="AE15:AH15"/>
    <mergeCell ref="F19:H19"/>
    <mergeCell ref="AX44:BC44"/>
    <mergeCell ref="AS37:AU37"/>
    <mergeCell ref="D37:E37"/>
    <mergeCell ref="I39:M39"/>
    <mergeCell ref="I27:M27"/>
    <mergeCell ref="N42:U42"/>
    <mergeCell ref="D29:E29"/>
    <mergeCell ref="AS39:AU39"/>
    <mergeCell ref="AS29:AU29"/>
    <mergeCell ref="V29:AD29"/>
    <mergeCell ref="AE26:AH26"/>
    <mergeCell ref="AE27:AH27"/>
    <mergeCell ref="N26:U26"/>
    <mergeCell ref="V26:AD26"/>
    <mergeCell ref="AE29:AH29"/>
    <mergeCell ref="A2:BC2"/>
    <mergeCell ref="BB4:BC4"/>
    <mergeCell ref="AV16:AW16"/>
    <mergeCell ref="AV17:AW17"/>
    <mergeCell ref="AV18:AW18"/>
    <mergeCell ref="AV19:AW19"/>
    <mergeCell ref="BA6:BC6"/>
    <mergeCell ref="AV27:AW27"/>
    <mergeCell ref="AX20:BC20"/>
    <mergeCell ref="AX18:BC18"/>
    <mergeCell ref="AX16:BC16"/>
    <mergeCell ref="AX17:BC17"/>
    <mergeCell ref="AV20:AW20"/>
    <mergeCell ref="AX22:BC22"/>
    <mergeCell ref="AX21:BC21"/>
    <mergeCell ref="A23:AW23"/>
    <mergeCell ref="AI17:AL17"/>
    <mergeCell ref="AI6:AJ6"/>
    <mergeCell ref="AX27:BC27"/>
    <mergeCell ref="AN15:AR15"/>
    <mergeCell ref="BB11:BC11"/>
    <mergeCell ref="AX26:BC26"/>
    <mergeCell ref="AX23:BC23"/>
    <mergeCell ref="AI15:AM15"/>
    <mergeCell ref="AV15:AW15"/>
    <mergeCell ref="AS15:AU15"/>
    <mergeCell ref="AN32:AR32"/>
    <mergeCell ref="AI27:AL27"/>
    <mergeCell ref="AS27:AU27"/>
    <mergeCell ref="AI29:AL29"/>
    <mergeCell ref="AI30:AL30"/>
    <mergeCell ref="AN27:AR31"/>
    <mergeCell ref="AS30:AU30"/>
    <mergeCell ref="AN16:AR20"/>
    <mergeCell ref="AN21:AR21"/>
    <mergeCell ref="AS21:AW21"/>
    <mergeCell ref="AS17:AU17"/>
    <mergeCell ref="AV29:AW29"/>
    <mergeCell ref="AS16:AU16"/>
    <mergeCell ref="AS20:AU20"/>
    <mergeCell ref="AS26:AU26"/>
    <mergeCell ref="AV26:AW26"/>
    <mergeCell ref="AS31:AU31"/>
    <mergeCell ref="AS28:AU28"/>
    <mergeCell ref="AI16:AL16"/>
    <mergeCell ref="AI18:AL18"/>
    <mergeCell ref="AI19:AL19"/>
    <mergeCell ref="AS18:AU18"/>
    <mergeCell ref="A44:C44"/>
    <mergeCell ref="D30:E30"/>
    <mergeCell ref="A27:C32"/>
    <mergeCell ref="I28:M28"/>
    <mergeCell ref="F31:H31"/>
    <mergeCell ref="F26:H26"/>
    <mergeCell ref="F30:H30"/>
    <mergeCell ref="I30:M30"/>
    <mergeCell ref="V16:AD16"/>
    <mergeCell ref="D21:AM21"/>
    <mergeCell ref="I19:M19"/>
    <mergeCell ref="F16:H16"/>
    <mergeCell ref="I18:M18"/>
    <mergeCell ref="AI20:AL20"/>
    <mergeCell ref="D25:M25"/>
    <mergeCell ref="V40:AD40"/>
    <mergeCell ref="D31:E31"/>
    <mergeCell ref="D41:E41"/>
    <mergeCell ref="D40:E40"/>
    <mergeCell ref="F40:H40"/>
    <mergeCell ref="I40:M40"/>
    <mergeCell ref="V42:AD42"/>
    <mergeCell ref="AN38:AR42"/>
    <mergeCell ref="V41:AD41"/>
    <mergeCell ref="N29:U29"/>
    <mergeCell ref="AE40:AH40"/>
    <mergeCell ref="F39:H39"/>
    <mergeCell ref="AE38:AH38"/>
    <mergeCell ref="I38:M38"/>
    <mergeCell ref="F41:H41"/>
    <mergeCell ref="I41:M41"/>
    <mergeCell ref="N41:U41"/>
    <mergeCell ref="AE30:AH30"/>
    <mergeCell ref="N38:U38"/>
    <mergeCell ref="V38:AD38"/>
    <mergeCell ref="F38:H38"/>
    <mergeCell ref="N40:U40"/>
    <mergeCell ref="N30:U30"/>
    <mergeCell ref="N36:U36"/>
    <mergeCell ref="V36:AB36"/>
    <mergeCell ref="AC36:AD36"/>
    <mergeCell ref="I31:M31"/>
    <mergeCell ref="I29:M29"/>
    <mergeCell ref="AI52:AL52"/>
    <mergeCell ref="AS52:AU52"/>
    <mergeCell ref="N31:U31"/>
    <mergeCell ref="N39:U39"/>
    <mergeCell ref="V39:AD39"/>
    <mergeCell ref="AE31:AH31"/>
    <mergeCell ref="A45:AW45"/>
    <mergeCell ref="AS48:AU48"/>
    <mergeCell ref="AI50:AL50"/>
    <mergeCell ref="AS50:AU50"/>
    <mergeCell ref="AS49:AU49"/>
    <mergeCell ref="AV50:AW50"/>
    <mergeCell ref="D43:AM43"/>
    <mergeCell ref="AN43:AR43"/>
    <mergeCell ref="AS43:AW43"/>
    <mergeCell ref="N48:U48"/>
    <mergeCell ref="V48:AD48"/>
    <mergeCell ref="N47:U47"/>
    <mergeCell ref="A47:C47"/>
    <mergeCell ref="A49:C54"/>
    <mergeCell ref="A48:C48"/>
    <mergeCell ref="D48:E48"/>
    <mergeCell ref="F48:H48"/>
    <mergeCell ref="I48:M48"/>
    <mergeCell ref="V49:AD49"/>
    <mergeCell ref="AV48:AW48"/>
    <mergeCell ref="AX48:BC48"/>
    <mergeCell ref="AE48:AH48"/>
    <mergeCell ref="AI48:AM48"/>
    <mergeCell ref="AN48:AR48"/>
    <mergeCell ref="AX51:BC51"/>
    <mergeCell ref="N50:U50"/>
    <mergeCell ref="V50:AD50"/>
    <mergeCell ref="AV49:AW49"/>
    <mergeCell ref="AS51:AU51"/>
    <mergeCell ref="AV51:AW51"/>
    <mergeCell ref="D52:E52"/>
    <mergeCell ref="F52:H52"/>
    <mergeCell ref="AX58:BC58"/>
    <mergeCell ref="AX31:BC31"/>
    <mergeCell ref="AE39:AH39"/>
    <mergeCell ref="AI37:AM37"/>
    <mergeCell ref="AN37:AR37"/>
    <mergeCell ref="AX37:BC37"/>
    <mergeCell ref="F51:H51"/>
    <mergeCell ref="AE50:AH50"/>
    <mergeCell ref="AI51:AL51"/>
    <mergeCell ref="I52:M52"/>
    <mergeCell ref="N52:U52"/>
    <mergeCell ref="AX45:BC45"/>
    <mergeCell ref="AE49:AH49"/>
    <mergeCell ref="AI49:AL49"/>
    <mergeCell ref="AN49:AR53"/>
    <mergeCell ref="D47:M47"/>
    <mergeCell ref="V47:AB47"/>
    <mergeCell ref="AC47:AD47"/>
    <mergeCell ref="D49:E49"/>
    <mergeCell ref="F49:H49"/>
    <mergeCell ref="I49:M49"/>
    <mergeCell ref="N49:U49"/>
    <mergeCell ref="AX28:BC28"/>
    <mergeCell ref="A58:AW58"/>
    <mergeCell ref="AX41:BC41"/>
    <mergeCell ref="AX50:BC50"/>
    <mergeCell ref="AX32:BC32"/>
    <mergeCell ref="AX29:BC29"/>
    <mergeCell ref="AX34:BC34"/>
    <mergeCell ref="AX30:BC30"/>
    <mergeCell ref="D42:E42"/>
    <mergeCell ref="F42:H42"/>
    <mergeCell ref="AX43:BC43"/>
    <mergeCell ref="I42:M42"/>
    <mergeCell ref="AV30:AW30"/>
    <mergeCell ref="F28:H28"/>
    <mergeCell ref="F29:H29"/>
    <mergeCell ref="AV31:AW31"/>
    <mergeCell ref="D32:AM32"/>
    <mergeCell ref="V30:AD30"/>
    <mergeCell ref="D28:E28"/>
    <mergeCell ref="V53:AD53"/>
    <mergeCell ref="AE53:AH53"/>
    <mergeCell ref="V52:AD52"/>
    <mergeCell ref="AE52:AH52"/>
    <mergeCell ref="D51:E51"/>
    <mergeCell ref="AF6:AH6"/>
    <mergeCell ref="I15:M15"/>
    <mergeCell ref="N17:U17"/>
    <mergeCell ref="N14:U14"/>
    <mergeCell ref="V14:AB14"/>
    <mergeCell ref="V17:AD17"/>
    <mergeCell ref="AE18:AH18"/>
    <mergeCell ref="D19:E19"/>
    <mergeCell ref="D6:E6"/>
    <mergeCell ref="H6:I6"/>
    <mergeCell ref="K6:O6"/>
    <mergeCell ref="P6:S6"/>
    <mergeCell ref="T6:U6"/>
    <mergeCell ref="X6:AE6"/>
    <mergeCell ref="D14:M14"/>
    <mergeCell ref="V19:AD19"/>
    <mergeCell ref="AE16:AH16"/>
    <mergeCell ref="AE17:AH17"/>
    <mergeCell ref="AE19:AH19"/>
    <mergeCell ref="I17:M17"/>
    <mergeCell ref="N18:U18"/>
    <mergeCell ref="V18:AD18"/>
    <mergeCell ref="I16:M16"/>
    <mergeCell ref="AE20:AH20"/>
    <mergeCell ref="AC14:AD14"/>
    <mergeCell ref="AX40:BC40"/>
    <mergeCell ref="AX38:BC38"/>
    <mergeCell ref="AX39:BC39"/>
    <mergeCell ref="V31:AD31"/>
    <mergeCell ref="I37:M37"/>
    <mergeCell ref="N37:U37"/>
    <mergeCell ref="V37:AD37"/>
    <mergeCell ref="D36:M36"/>
    <mergeCell ref="AS32:AW32"/>
    <mergeCell ref="D39:E39"/>
    <mergeCell ref="F37:H37"/>
    <mergeCell ref="A34:AW34"/>
    <mergeCell ref="A38:C43"/>
    <mergeCell ref="AV37:AW37"/>
    <mergeCell ref="D38:E38"/>
    <mergeCell ref="AI38:AL38"/>
    <mergeCell ref="AV38:AW38"/>
    <mergeCell ref="A36:C36"/>
    <mergeCell ref="A33:C33"/>
    <mergeCell ref="A37:C37"/>
    <mergeCell ref="A16:C21"/>
    <mergeCell ref="N27:U27"/>
    <mergeCell ref="D26:E26"/>
    <mergeCell ref="D27:E27"/>
    <mergeCell ref="N19:U19"/>
    <mergeCell ref="N16:U16"/>
    <mergeCell ref="F20:H20"/>
    <mergeCell ref="F17:H17"/>
    <mergeCell ref="V25:AB25"/>
    <mergeCell ref="AC25:AD25"/>
    <mergeCell ref="V20:AD20"/>
    <mergeCell ref="D20:E20"/>
    <mergeCell ref="A25:C25"/>
    <mergeCell ref="A26:C26"/>
    <mergeCell ref="I20:M20"/>
    <mergeCell ref="N20:U20"/>
    <mergeCell ref="V27:AD27"/>
    <mergeCell ref="D16:E16"/>
    <mergeCell ref="A56:AW56"/>
    <mergeCell ref="AX56:BC56"/>
    <mergeCell ref="D22:AW22"/>
    <mergeCell ref="D33:AW33"/>
    <mergeCell ref="D44:AW44"/>
    <mergeCell ref="D55:AW55"/>
    <mergeCell ref="AV53:AW53"/>
    <mergeCell ref="AX53:BC53"/>
    <mergeCell ref="D54:AM54"/>
    <mergeCell ref="AN54:AR54"/>
    <mergeCell ref="AS54:AW54"/>
    <mergeCell ref="AX54:BC54"/>
    <mergeCell ref="AV52:AW52"/>
    <mergeCell ref="AX52:BC52"/>
    <mergeCell ref="D53:E53"/>
    <mergeCell ref="F53:H53"/>
    <mergeCell ref="I53:M53"/>
    <mergeCell ref="N53:U53"/>
    <mergeCell ref="BG12:BG13"/>
    <mergeCell ref="BF4:BF5"/>
    <mergeCell ref="BF12:BF13"/>
    <mergeCell ref="AI53:AL53"/>
    <mergeCell ref="AS53:AU53"/>
    <mergeCell ref="AX42:BC42"/>
    <mergeCell ref="AX49:BC49"/>
    <mergeCell ref="A55:C55"/>
    <mergeCell ref="AX55:BC55"/>
    <mergeCell ref="I51:M51"/>
    <mergeCell ref="N51:U51"/>
    <mergeCell ref="V51:AD51"/>
    <mergeCell ref="AE51:AH51"/>
    <mergeCell ref="A14:C14"/>
    <mergeCell ref="A22:C22"/>
    <mergeCell ref="AI28:AL28"/>
    <mergeCell ref="AE28:AH28"/>
    <mergeCell ref="N28:U28"/>
    <mergeCell ref="V28:AD28"/>
    <mergeCell ref="F27:H27"/>
    <mergeCell ref="N25:U25"/>
    <mergeCell ref="I26:M26"/>
    <mergeCell ref="D15:E15"/>
    <mergeCell ref="D18:E18"/>
  </mergeCells>
  <phoneticPr fontId="38"/>
  <conditionalFormatting sqref="C6 G6">
    <cfRule type="expression" dxfId="51" priority="11" stopIfTrue="1">
      <formula>AND($C$6="□",$G$6="□")</formula>
    </cfRule>
  </conditionalFormatting>
  <conditionalFormatting sqref="C6">
    <cfRule type="expression" dxfId="50" priority="12" stopIfTrue="1">
      <formula>AND($C$15="□",$G$15="□")</formula>
    </cfRule>
  </conditionalFormatting>
  <conditionalFormatting sqref="G6">
    <cfRule type="expression" dxfId="49" priority="13" stopIfTrue="1">
      <formula>AND($C$15="□",$G$15="□")</formula>
    </cfRule>
  </conditionalFormatting>
  <conditionalFormatting sqref="K6:O6 T6:U6">
    <cfRule type="expression" dxfId="48" priority="7" stopIfTrue="1">
      <formula>$C$6="■"</formula>
    </cfRule>
  </conditionalFormatting>
  <conditionalFormatting sqref="P6:S6">
    <cfRule type="expression" dxfId="47" priority="8" stopIfTrue="1">
      <formula>AND($G$6="■",$P$6="")</formula>
    </cfRule>
    <cfRule type="expression" dxfId="46" priority="9" stopIfTrue="1">
      <formula>$C$6="■"</formula>
    </cfRule>
  </conditionalFormatting>
  <conditionalFormatting sqref="X6:AJ6">
    <cfRule type="expression" dxfId="45" priority="6" stopIfTrue="1">
      <formula>$C$6="■"</formula>
    </cfRule>
  </conditionalFormatting>
  <conditionalFormatting sqref="AM6:BG6">
    <cfRule type="expression" dxfId="44" priority="2" stopIfTrue="1">
      <formula>$C$6="■"</formula>
    </cfRule>
  </conditionalFormatting>
  <conditionalFormatting sqref="AN21:AR21 AN43:AR43 AN54:AR54">
    <cfRule type="expression" dxfId="43" priority="5" stopIfTrue="1">
      <formula>$G$6="■"</formula>
    </cfRule>
  </conditionalFormatting>
  <conditionalFormatting sqref="AN32:AR32">
    <cfRule type="expression" dxfId="42" priority="4" stopIfTrue="1">
      <formula>$G$6="■"</formula>
    </cfRule>
  </conditionalFormatting>
  <conditionalFormatting sqref="BG1:BG3 BG6:BG11 BG14:BG1048576">
    <cfRule type="notContainsBlanks" dxfId="41" priority="1">
      <formula>LEN(TRIM(BG1))&gt;0</formula>
    </cfRule>
  </conditionalFormatting>
  <dataValidations count="10">
    <dataValidation imeMode="disabled" allowBlank="1" showInputMessage="1" showErrorMessage="1" sqref="AX45:BF45 AX59 AX23:BE23 AN54 AX21:BE21 AX34:BE34 AX54:BE54 AX32:BE32 AX43:BF43 AN43 AX6:AZ6 AX56:BE56 AN32 AF6:AH6 AX58:BF58" xr:uid="{00000000-0002-0000-0400-000000000000}"/>
    <dataValidation type="custom" imeMode="disabled" allowBlank="1" showInputMessage="1" showErrorMessage="1" errorTitle="入力エラー" error="小数点以下第一位を切り捨てで入力して下さい。" sqref="AE16:AH20 AE38:AH42 AE27:AH31 AE49:AH53" xr:uid="{00000000-0002-0000-0400-000002000000}">
      <formula1>AE16-ROUNDDOWN(AE16,0)=0</formula1>
    </dataValidation>
    <dataValidation type="custom" imeMode="disabled" allowBlank="1" showInputMessage="1" showErrorMessage="1" errorTitle="入力エラー" error="小数点以下の入力はできません。" sqref="AX44:BF44 AX33:BE33 AX38:BF42 AX55:BE55 BF49:BF56 AX27:BE31 BF19 AX49:BE53 BF16 AX16:BE20 AX22:BF22" xr:uid="{00000000-0002-0000-0400-000003000000}">
      <formula1>AX16-ROUNDDOWN(AX16,0)=0</formula1>
    </dataValidation>
    <dataValidation type="custom" imeMode="disabled" allowBlank="1" showInputMessage="1" showErrorMessage="1" errorTitle="入力エラー" error="小数点は第二位まで、三位以下切り捨てで入力して下さい。" sqref="AI16:AL20 AI27:AL31 AI38:AL42 AI49:AL53 P6:S6 V14:AB14 V25:AB25 V36:AB36 V47:AB47" xr:uid="{00000000-0002-0000-0400-000004000000}">
      <formula1>P6-ROUNDDOWN(P6,2)=0</formula1>
    </dataValidation>
    <dataValidation type="list" operator="equal" allowBlank="1" showInputMessage="1" showErrorMessage="1" errorTitle="文字数エラー" error="SII登録型番の９文字で登録してください。" sqref="F16:H20 F27:H31 F38:H42 F49:H53" xr:uid="{00000000-0002-0000-0400-000005000000}">
      <formula1>"一層目,二層目,三層目"</formula1>
    </dataValidation>
    <dataValidation type="list" operator="equal" allowBlank="1" showInputMessage="1" showErrorMessage="1" errorTitle="文字数エラー" error="SII登録型番の９文字で登録してください。" sqref="D16:E20 D27:E31 D38:E42 D49:E53" xr:uid="{00000000-0002-0000-0400-000006000000}">
      <formula1>"床,壁,天井"</formula1>
    </dataValidation>
    <dataValidation type="list" allowBlank="1" showInputMessage="1" showErrorMessage="1" sqref="AV16:AW20 AV27:AW31 AV38:AW42 AV49:AW53" xr:uid="{00000000-0002-0000-0400-000007000000}">
      <formula1>"Ａ,Ｂ,Ｃ"</formula1>
    </dataValidation>
    <dataValidation type="list" allowBlank="1" showInputMessage="1" showErrorMessage="1" sqref="C6 G6" xr:uid="{00000000-0002-0000-0400-000008000000}">
      <formula1>"□,■"</formula1>
    </dataValidation>
    <dataValidation type="custom" imeMode="disabled" operator="equal" allowBlank="1" showInputMessage="1" showErrorMessage="1" errorTitle="文字数エラー" error="SII登録型番を半角大文字の英数字で入力してください。（８文字）" sqref="I49:M53 I27:M31 I38:M42 I16:M20" xr:uid="{496227CD-AAB2-422C-9224-3BF39F7BBF3B}">
      <formula1>AND(LENB(I16)=8,EXACT(UPPER(I16),I16))</formula1>
    </dataValidation>
    <dataValidation type="decimal" imeMode="disabled" operator="lessThanOrEqual" allowBlank="1" showInputMessage="1" showErrorMessage="1" error="25mm以内の数字を入力してください。" sqref="AS16:AU20 AS27:AU31 AS38:AU42 AS49:AU53" xr:uid="{A92C1CFF-C926-4869-BA70-A81595ECAAE1}">
      <formula1>25</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headerFooter>
    <oddHeader>&amp;RVERSION 2.0</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F5BBF0-897C-400D-B41A-646EE45F4CE8}">
  <sheetPr codeName="Sheet6"/>
  <dimension ref="A1:CE63"/>
  <sheetViews>
    <sheetView showGridLines="0" showZeros="0" zoomScale="50" zoomScaleNormal="50" zoomScaleSheetLayoutView="50" workbookViewId="0"/>
  </sheetViews>
  <sheetFormatPr defaultColWidth="9" defaultRowHeight="19.2" x14ac:dyDescent="0.2"/>
  <cols>
    <col min="1" max="55" width="3.6640625" style="4" customWidth="1"/>
    <col min="56" max="56" width="3.6640625" style="4" hidden="1" customWidth="1"/>
    <col min="57" max="57" width="3.6640625" style="4" customWidth="1"/>
    <col min="58" max="58" width="5.77734375" style="165" customWidth="1"/>
    <col min="59" max="59" width="51.77734375" style="336" hidden="1" customWidth="1"/>
    <col min="60" max="60" width="51.77734375" style="4" customWidth="1"/>
    <col min="61" max="62" width="3.44140625" style="4" customWidth="1"/>
    <col min="63" max="16384" width="9" style="4"/>
  </cols>
  <sheetData>
    <row r="1" spans="1:83" ht="15.6" customHeight="1" x14ac:dyDescent="0.2">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2"/>
      <c r="AM1" s="30"/>
      <c r="AN1" s="30"/>
      <c r="AO1" s="1"/>
      <c r="AP1" s="1"/>
      <c r="AQ1" s="1"/>
      <c r="AR1" s="1"/>
      <c r="AS1" s="1"/>
      <c r="AT1" s="1"/>
      <c r="AU1" s="1"/>
      <c r="AV1" s="1"/>
      <c r="AW1" s="1"/>
      <c r="AX1" s="1"/>
      <c r="AY1" s="1"/>
      <c r="AZ1" s="1"/>
      <c r="BA1" s="1"/>
      <c r="BB1" s="1"/>
      <c r="BC1" s="13" t="s">
        <v>1230</v>
      </c>
      <c r="BD1" s="13"/>
      <c r="BE1" s="13"/>
    </row>
    <row r="2" spans="1:83" ht="30" customHeight="1" x14ac:dyDescent="0.2">
      <c r="A2" s="848" t="s">
        <v>961</v>
      </c>
      <c r="B2" s="849"/>
      <c r="C2" s="849"/>
      <c r="D2" s="849"/>
      <c r="E2" s="849"/>
      <c r="F2" s="849"/>
      <c r="G2" s="849"/>
      <c r="H2" s="849"/>
      <c r="I2" s="849"/>
      <c r="J2" s="849"/>
      <c r="K2" s="849"/>
      <c r="L2" s="849"/>
      <c r="M2" s="849"/>
      <c r="N2" s="849"/>
      <c r="O2" s="849"/>
      <c r="P2" s="849"/>
      <c r="Q2" s="849"/>
      <c r="R2" s="849"/>
      <c r="S2" s="849"/>
      <c r="T2" s="849"/>
      <c r="U2" s="849"/>
      <c r="V2" s="849"/>
      <c r="W2" s="849"/>
      <c r="X2" s="849"/>
      <c r="Y2" s="849"/>
      <c r="Z2" s="849"/>
      <c r="AA2" s="849"/>
      <c r="AB2" s="849"/>
      <c r="AC2" s="849"/>
      <c r="AD2" s="849"/>
      <c r="AE2" s="849"/>
      <c r="AF2" s="849"/>
      <c r="AG2" s="849"/>
      <c r="AH2" s="849"/>
      <c r="AI2" s="849"/>
      <c r="AJ2" s="849"/>
      <c r="AK2" s="849"/>
      <c r="AL2" s="849"/>
      <c r="AM2" s="849"/>
      <c r="AN2" s="849"/>
      <c r="AO2" s="849"/>
      <c r="AP2" s="849"/>
      <c r="AQ2" s="849"/>
      <c r="AR2" s="849"/>
      <c r="AS2" s="849"/>
      <c r="AT2" s="849"/>
      <c r="AU2" s="849"/>
      <c r="AV2" s="849"/>
      <c r="AW2" s="849"/>
      <c r="AX2" s="849"/>
      <c r="AY2" s="849"/>
      <c r="AZ2" s="849"/>
      <c r="BA2" s="849"/>
      <c r="BB2" s="849"/>
      <c r="BC2" s="850"/>
      <c r="BD2" s="198"/>
      <c r="BE2" s="198"/>
      <c r="BF2" s="177"/>
    </row>
    <row r="3" spans="1:83" ht="7.8" customHeight="1" x14ac:dyDescent="0.2">
      <c r="A3" s="9"/>
      <c r="B3" s="9"/>
      <c r="C3" s="9"/>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4"/>
      <c r="BE3" s="204"/>
      <c r="BF3" s="178"/>
    </row>
    <row r="4" spans="1:83" ht="18.75" customHeight="1" x14ac:dyDescent="0.2">
      <c r="A4" s="25" t="s">
        <v>64</v>
      </c>
      <c r="B4" s="24"/>
      <c r="C4" s="24"/>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2"/>
      <c r="AR4" s="12"/>
      <c r="AS4" s="12"/>
      <c r="AT4" s="12"/>
      <c r="AU4" s="12"/>
      <c r="AV4" s="12"/>
      <c r="AW4" s="12"/>
      <c r="BC4" s="130"/>
      <c r="BD4" s="130"/>
      <c r="BE4" s="130"/>
    </row>
    <row r="5" spans="1:83" ht="13.8" customHeight="1" x14ac:dyDescent="0.25">
      <c r="A5" s="12"/>
      <c r="B5" s="12"/>
      <c r="C5" s="12"/>
      <c r="D5" s="1"/>
      <c r="E5" s="1"/>
      <c r="F5" s="1"/>
      <c r="G5" s="1"/>
      <c r="H5" s="1"/>
      <c r="I5" s="1"/>
      <c r="J5" s="1"/>
      <c r="K5" s="1"/>
      <c r="L5" s="1"/>
      <c r="M5" s="1"/>
      <c r="N5" s="1"/>
      <c r="O5" s="1"/>
      <c r="P5" s="1"/>
      <c r="Q5" s="1"/>
      <c r="R5" s="1"/>
      <c r="S5" s="1"/>
      <c r="T5" s="1"/>
      <c r="U5" s="1"/>
      <c r="V5" s="1"/>
      <c r="W5" s="1"/>
      <c r="X5" s="1"/>
      <c r="Y5" s="1"/>
      <c r="Z5" s="1"/>
      <c r="AA5" s="12"/>
      <c r="AB5" s="12"/>
      <c r="AC5" s="12"/>
      <c r="AD5" s="12"/>
      <c r="AE5" s="12"/>
      <c r="AF5" s="12"/>
      <c r="AG5" s="12"/>
      <c r="AH5" s="12"/>
      <c r="AI5" s="12"/>
      <c r="AJ5" s="12"/>
      <c r="AK5" s="12"/>
      <c r="AL5" s="12"/>
      <c r="AM5" s="1"/>
      <c r="AN5" s="1"/>
      <c r="AO5" s="1"/>
      <c r="AP5" s="1"/>
      <c r="AQ5" s="12"/>
      <c r="AR5" s="12"/>
      <c r="AS5" s="1165" t="s">
        <v>136</v>
      </c>
      <c r="AT5" s="1165"/>
      <c r="AU5" s="1165"/>
      <c r="AV5" s="1165"/>
      <c r="AW5" s="1165"/>
      <c r="AX5" s="1165"/>
      <c r="AY5" s="1165" t="s">
        <v>137</v>
      </c>
      <c r="AZ5" s="1165"/>
      <c r="BA5" s="1165"/>
      <c r="BB5" s="1165"/>
      <c r="BC5" s="1165"/>
      <c r="BD5" s="196"/>
      <c r="BE5" s="196"/>
      <c r="BF5" s="179"/>
    </row>
    <row r="6" spans="1:83" ht="16.8" customHeight="1" x14ac:dyDescent="0.25">
      <c r="A6" s="100"/>
      <c r="B6" s="101"/>
      <c r="C6" s="102" t="s">
        <v>167</v>
      </c>
      <c r="D6" s="16"/>
      <c r="E6" s="16"/>
      <c r="F6" s="16"/>
      <c r="G6" s="103"/>
      <c r="H6" s="104"/>
      <c r="I6" s="102" t="s">
        <v>968</v>
      </c>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165"/>
      <c r="AT6" s="1165"/>
      <c r="AU6" s="1165"/>
      <c r="AV6" s="1165"/>
      <c r="AW6" s="1165"/>
      <c r="AX6" s="1165"/>
      <c r="AY6" s="1165"/>
      <c r="AZ6" s="1165"/>
      <c r="BA6" s="1165"/>
      <c r="BB6" s="1165"/>
      <c r="BC6" s="1165"/>
      <c r="BD6" s="196"/>
      <c r="BE6" s="196"/>
      <c r="BF6" s="179"/>
    </row>
    <row r="7" spans="1:83" s="270" customFormat="1" ht="14.4" customHeight="1" thickBot="1" x14ac:dyDescent="0.3">
      <c r="A7" s="55"/>
      <c r="B7" s="55"/>
      <c r="C7" s="55"/>
      <c r="D7" s="55"/>
      <c r="E7" s="55"/>
      <c r="F7" s="55"/>
      <c r="G7" s="55"/>
      <c r="H7" s="55"/>
      <c r="I7" s="55"/>
      <c r="J7" s="55"/>
      <c r="K7" s="55"/>
      <c r="L7" s="55"/>
      <c r="M7" s="55"/>
      <c r="N7" s="55"/>
      <c r="O7" s="55"/>
      <c r="P7" s="55"/>
      <c r="Q7" s="55"/>
      <c r="R7" s="55"/>
      <c r="S7" s="55"/>
      <c r="T7" s="55"/>
      <c r="U7" s="55"/>
      <c r="V7" s="55"/>
      <c r="W7" s="55"/>
      <c r="X7" s="55"/>
      <c r="Y7" s="55"/>
      <c r="Z7" s="55"/>
      <c r="AA7" s="55"/>
      <c r="AB7" s="55"/>
      <c r="AC7" s="55"/>
      <c r="AD7" s="55"/>
      <c r="AE7" s="55"/>
      <c r="AF7" s="55"/>
      <c r="AG7" s="55"/>
      <c r="AH7" s="55"/>
      <c r="AI7" s="55"/>
      <c r="AJ7" s="55"/>
      <c r="AK7" s="55"/>
      <c r="AL7" s="55"/>
      <c r="AM7" s="55"/>
      <c r="AN7" s="55"/>
      <c r="AO7" s="55"/>
      <c r="AP7" s="55"/>
      <c r="AQ7" s="55"/>
      <c r="AR7" s="55"/>
      <c r="AS7" s="1166"/>
      <c r="AT7" s="1166"/>
      <c r="AU7" s="1166"/>
      <c r="AV7" s="1166"/>
      <c r="AW7" s="1166"/>
      <c r="AX7" s="1166"/>
      <c r="AY7" s="1166"/>
      <c r="AZ7" s="1166"/>
      <c r="BA7" s="1166"/>
      <c r="BB7" s="1166"/>
      <c r="BC7" s="1166"/>
      <c r="BD7" s="196"/>
      <c r="BE7" s="196"/>
      <c r="BF7" s="179"/>
      <c r="BG7" s="336"/>
      <c r="BH7" s="4"/>
      <c r="BI7" s="4"/>
      <c r="BJ7" s="4"/>
      <c r="BK7" s="4"/>
      <c r="BL7" s="4"/>
      <c r="BM7" s="4"/>
      <c r="BN7" s="4"/>
      <c r="BO7" s="4"/>
      <c r="BP7" s="4"/>
      <c r="BQ7" s="4"/>
      <c r="BR7" s="4"/>
      <c r="BS7" s="4"/>
      <c r="BT7" s="4"/>
      <c r="BU7" s="4"/>
      <c r="BV7" s="4"/>
      <c r="BW7" s="4"/>
      <c r="BX7" s="4"/>
      <c r="BY7" s="4"/>
      <c r="BZ7" s="4"/>
      <c r="CA7" s="4"/>
      <c r="CB7" s="4"/>
      <c r="CC7" s="4"/>
      <c r="CD7" s="4"/>
      <c r="CE7" s="4"/>
    </row>
    <row r="8" spans="1:83" ht="46.2" customHeight="1" x14ac:dyDescent="0.2">
      <c r="A8" s="1148" t="s">
        <v>14</v>
      </c>
      <c r="B8" s="1149"/>
      <c r="C8" s="1150"/>
      <c r="D8" s="1154" t="s">
        <v>77</v>
      </c>
      <c r="E8" s="1149"/>
      <c r="F8" s="1155"/>
      <c r="G8" s="1156" t="s">
        <v>24</v>
      </c>
      <c r="H8" s="940"/>
      <c r="I8" s="940"/>
      <c r="J8" s="940"/>
      <c r="K8" s="940"/>
      <c r="L8" s="940"/>
      <c r="M8" s="940"/>
      <c r="N8" s="1157"/>
      <c r="O8" s="1158" t="s">
        <v>7</v>
      </c>
      <c r="P8" s="1159"/>
      <c r="Q8" s="1159"/>
      <c r="R8" s="1159"/>
      <c r="S8" s="1159"/>
      <c r="T8" s="1159"/>
      <c r="U8" s="1159"/>
      <c r="V8" s="1159"/>
      <c r="W8" s="1159"/>
      <c r="X8" s="1159"/>
      <c r="Y8" s="1160"/>
      <c r="Z8" s="1158" t="s">
        <v>2</v>
      </c>
      <c r="AA8" s="1159"/>
      <c r="AB8" s="1159"/>
      <c r="AC8" s="1159"/>
      <c r="AD8" s="1159"/>
      <c r="AE8" s="1159"/>
      <c r="AF8" s="1159"/>
      <c r="AG8" s="1159"/>
      <c r="AH8" s="1159"/>
      <c r="AI8" s="1159"/>
      <c r="AJ8" s="1159"/>
      <c r="AK8" s="1159"/>
      <c r="AL8" s="1159"/>
      <c r="AM8" s="1160"/>
      <c r="AN8" s="1151" t="s">
        <v>84</v>
      </c>
      <c r="AO8" s="1152"/>
      <c r="AP8" s="1153"/>
      <c r="AQ8" s="1161" t="s">
        <v>85</v>
      </c>
      <c r="AR8" s="1162"/>
      <c r="AS8" s="1151" t="s">
        <v>86</v>
      </c>
      <c r="AT8" s="1152"/>
      <c r="AU8" s="1153"/>
      <c r="AV8" s="1151" t="s">
        <v>92</v>
      </c>
      <c r="AW8" s="1152"/>
      <c r="AX8" s="1153"/>
      <c r="AY8" s="1163" t="s">
        <v>32</v>
      </c>
      <c r="AZ8" s="1010"/>
      <c r="BA8" s="1010"/>
      <c r="BB8" s="1010"/>
      <c r="BC8" s="1164"/>
      <c r="BD8" s="28"/>
      <c r="BE8" s="28"/>
      <c r="BF8" s="166" t="s">
        <v>658</v>
      </c>
      <c r="BG8" s="344" t="s">
        <v>153</v>
      </c>
    </row>
    <row r="9" spans="1:83" ht="29.25" customHeight="1" x14ac:dyDescent="0.2">
      <c r="A9" s="1129" t="s">
        <v>75</v>
      </c>
      <c r="B9" s="1130"/>
      <c r="C9" s="1131"/>
      <c r="D9" s="1075" t="s">
        <v>90</v>
      </c>
      <c r="E9" s="1076"/>
      <c r="F9" s="1077"/>
      <c r="G9" s="1078"/>
      <c r="H9" s="1079"/>
      <c r="I9" s="1079"/>
      <c r="J9" s="1079"/>
      <c r="K9" s="1079"/>
      <c r="L9" s="1079"/>
      <c r="M9" s="1079"/>
      <c r="N9" s="1080"/>
      <c r="O9" s="1081" t="str">
        <f>IF(G9="","",IFERROR(VLOOKUP(G9,製品リスト!$G$4:$I$1000,2,0),"SII登録型番を正しく入力してください"))</f>
        <v/>
      </c>
      <c r="P9" s="1082"/>
      <c r="Q9" s="1082"/>
      <c r="R9" s="1082"/>
      <c r="S9" s="1082"/>
      <c r="T9" s="1082"/>
      <c r="U9" s="1082"/>
      <c r="V9" s="1082"/>
      <c r="W9" s="1082"/>
      <c r="X9" s="1082"/>
      <c r="Y9" s="1083"/>
      <c r="Z9" s="1081" t="str">
        <f>IF(G9="","",IFERROR(VLOOKUP(G9,製品リスト!$G$4:$I$1000,3,0),"SII登録型番を正しく入力してください"))</f>
        <v/>
      </c>
      <c r="AA9" s="1082"/>
      <c r="AB9" s="1082"/>
      <c r="AC9" s="1082"/>
      <c r="AD9" s="1082"/>
      <c r="AE9" s="1082"/>
      <c r="AF9" s="1082"/>
      <c r="AG9" s="1082"/>
      <c r="AH9" s="1082"/>
      <c r="AI9" s="1082"/>
      <c r="AJ9" s="1082"/>
      <c r="AK9" s="1082"/>
      <c r="AL9" s="1082"/>
      <c r="AM9" s="1083"/>
      <c r="AN9" s="1075" t="str">
        <f>IF(G9="","",IFERROR(VLOOKUP(G9,製品リスト!$G$4:$J$1000,4,0),"SII登録型番を正しく入力してください"))</f>
        <v/>
      </c>
      <c r="AO9" s="1076"/>
      <c r="AP9" s="1077"/>
      <c r="AQ9" s="1084"/>
      <c r="AR9" s="1085"/>
      <c r="AS9" s="1086" t="str">
        <f>IF(AND(AN9&lt;&gt;"",AQ9&lt;&gt;""),ROUNDDOWN(((AQ9/AN9)/1000),1),"")</f>
        <v/>
      </c>
      <c r="AT9" s="1087"/>
      <c r="AU9" s="1088"/>
      <c r="AV9" s="1089" t="str">
        <f>IF(AS9&lt;&gt;"",SUM(AS9:AU10),"")</f>
        <v/>
      </c>
      <c r="AW9" s="1090"/>
      <c r="AX9" s="1091"/>
      <c r="AY9" s="1055"/>
      <c r="AZ9" s="1056"/>
      <c r="BA9" s="1056"/>
      <c r="BB9" s="1056"/>
      <c r="BC9" s="1059" t="s">
        <v>13</v>
      </c>
      <c r="BD9" s="218"/>
      <c r="BE9" s="218"/>
      <c r="BF9" s="219">
        <v>1</v>
      </c>
      <c r="BG9" s="329"/>
    </row>
    <row r="10" spans="1:83" ht="29.25" customHeight="1" x14ac:dyDescent="0.2">
      <c r="A10" s="1132"/>
      <c r="B10" s="1133"/>
      <c r="C10" s="1134"/>
      <c r="D10" s="1061" t="s">
        <v>91</v>
      </c>
      <c r="E10" s="1062"/>
      <c r="F10" s="1063"/>
      <c r="G10" s="1064"/>
      <c r="H10" s="1065"/>
      <c r="I10" s="1065"/>
      <c r="J10" s="1065"/>
      <c r="K10" s="1065"/>
      <c r="L10" s="1065"/>
      <c r="M10" s="1065"/>
      <c r="N10" s="1066"/>
      <c r="O10" s="1067" t="str">
        <f>IF(G10="","",IFERROR(VLOOKUP(G10,製品リスト!$G$4:$I$1000,2,0),"SII登録型番を正しく入力してください"))</f>
        <v/>
      </c>
      <c r="P10" s="1068"/>
      <c r="Q10" s="1068"/>
      <c r="R10" s="1068"/>
      <c r="S10" s="1068"/>
      <c r="T10" s="1068"/>
      <c r="U10" s="1068"/>
      <c r="V10" s="1068"/>
      <c r="W10" s="1068"/>
      <c r="X10" s="1068"/>
      <c r="Y10" s="1069"/>
      <c r="Z10" s="1067" t="str">
        <f>IF(G10="","",IFERROR(VLOOKUP(G10,製品リスト!$G$4:$I$1000,3,0),"SII登録型番を正しく入力してください"))</f>
        <v/>
      </c>
      <c r="AA10" s="1068"/>
      <c r="AB10" s="1068"/>
      <c r="AC10" s="1068"/>
      <c r="AD10" s="1068"/>
      <c r="AE10" s="1068"/>
      <c r="AF10" s="1068"/>
      <c r="AG10" s="1068"/>
      <c r="AH10" s="1068"/>
      <c r="AI10" s="1068"/>
      <c r="AJ10" s="1068"/>
      <c r="AK10" s="1068"/>
      <c r="AL10" s="1068"/>
      <c r="AM10" s="1069"/>
      <c r="AN10" s="1061" t="str">
        <f>IF(G10="","",IFERROR(VLOOKUP(G10,製品リスト!$G$4:$J$1000,4,0),"SII登録型番を正しく入力してください"))</f>
        <v/>
      </c>
      <c r="AO10" s="1062"/>
      <c r="AP10" s="1063"/>
      <c r="AQ10" s="1070"/>
      <c r="AR10" s="1071"/>
      <c r="AS10" s="1072" t="str">
        <f t="shared" ref="AS10:AS48" si="0">IF(AND(AN10&lt;&gt;"",AQ10&lt;&gt;""),ROUNDDOWN(((AQ10/AN10)/1000),1),"")</f>
        <v/>
      </c>
      <c r="AT10" s="1073"/>
      <c r="AU10" s="1074"/>
      <c r="AV10" s="1092"/>
      <c r="AW10" s="1093"/>
      <c r="AX10" s="1094"/>
      <c r="AY10" s="1057"/>
      <c r="AZ10" s="1058"/>
      <c r="BA10" s="1058"/>
      <c r="BB10" s="1058"/>
      <c r="BC10" s="1060"/>
      <c r="BD10" s="218"/>
      <c r="BE10" s="218"/>
      <c r="BF10" s="219">
        <v>2</v>
      </c>
      <c r="BG10" s="329"/>
    </row>
    <row r="11" spans="1:83" ht="29.25" customHeight="1" x14ac:dyDescent="0.2">
      <c r="A11" s="1132"/>
      <c r="B11" s="1133"/>
      <c r="C11" s="1134"/>
      <c r="D11" s="1075" t="s">
        <v>90</v>
      </c>
      <c r="E11" s="1076"/>
      <c r="F11" s="1077"/>
      <c r="G11" s="1078"/>
      <c r="H11" s="1079"/>
      <c r="I11" s="1079"/>
      <c r="J11" s="1079"/>
      <c r="K11" s="1079"/>
      <c r="L11" s="1079"/>
      <c r="M11" s="1079"/>
      <c r="N11" s="1080"/>
      <c r="O11" s="1081" t="str">
        <f>IF(G11="","",IFERROR(VLOOKUP(G11,製品リスト!$G$4:$I$1000,2,0),"SII登録型番を正しく入力してください"))</f>
        <v/>
      </c>
      <c r="P11" s="1082"/>
      <c r="Q11" s="1082"/>
      <c r="R11" s="1082"/>
      <c r="S11" s="1082"/>
      <c r="T11" s="1082"/>
      <c r="U11" s="1082"/>
      <c r="V11" s="1082"/>
      <c r="W11" s="1082"/>
      <c r="X11" s="1082"/>
      <c r="Y11" s="1083"/>
      <c r="Z11" s="1081" t="str">
        <f>IF(G11="","",IFERROR(VLOOKUP(G11,製品リスト!$G$4:$I$1000,3,0),"SII登録型番を正しく入力してください"))</f>
        <v/>
      </c>
      <c r="AA11" s="1082"/>
      <c r="AB11" s="1082"/>
      <c r="AC11" s="1082"/>
      <c r="AD11" s="1082"/>
      <c r="AE11" s="1082"/>
      <c r="AF11" s="1082"/>
      <c r="AG11" s="1082"/>
      <c r="AH11" s="1082"/>
      <c r="AI11" s="1082"/>
      <c r="AJ11" s="1082"/>
      <c r="AK11" s="1082"/>
      <c r="AL11" s="1082"/>
      <c r="AM11" s="1083"/>
      <c r="AN11" s="1075" t="str">
        <f>IF(G11="","",IFERROR(VLOOKUP(G11,製品リスト!$G$4:$J$1000,4,0),"SII登録型番を正しく入力してください"))</f>
        <v/>
      </c>
      <c r="AO11" s="1076"/>
      <c r="AP11" s="1077"/>
      <c r="AQ11" s="1084"/>
      <c r="AR11" s="1085"/>
      <c r="AS11" s="1086" t="str">
        <f t="shared" si="0"/>
        <v/>
      </c>
      <c r="AT11" s="1087"/>
      <c r="AU11" s="1088"/>
      <c r="AV11" s="1089" t="str">
        <f t="shared" ref="AV11" si="1">IF(AS11&lt;&gt;"",SUM(AS11:AU12),"")</f>
        <v/>
      </c>
      <c r="AW11" s="1090"/>
      <c r="AX11" s="1091"/>
      <c r="AY11" s="1055"/>
      <c r="AZ11" s="1056"/>
      <c r="BA11" s="1056"/>
      <c r="BB11" s="1056"/>
      <c r="BC11" s="1059" t="s">
        <v>13</v>
      </c>
      <c r="BD11" s="218"/>
      <c r="BE11" s="218"/>
      <c r="BF11" s="219">
        <v>3</v>
      </c>
      <c r="BG11" s="329"/>
    </row>
    <row r="12" spans="1:83" ht="29.25" customHeight="1" x14ac:dyDescent="0.2">
      <c r="A12" s="1132"/>
      <c r="B12" s="1133"/>
      <c r="C12" s="1134"/>
      <c r="D12" s="1061" t="s">
        <v>91</v>
      </c>
      <c r="E12" s="1062"/>
      <c r="F12" s="1063"/>
      <c r="G12" s="1064"/>
      <c r="H12" s="1065"/>
      <c r="I12" s="1065"/>
      <c r="J12" s="1065"/>
      <c r="K12" s="1065"/>
      <c r="L12" s="1065"/>
      <c r="M12" s="1065"/>
      <c r="N12" s="1066"/>
      <c r="O12" s="1067" t="str">
        <f>IF(G12="","",IFERROR(VLOOKUP(G12,製品リスト!$G$4:$I$1000,2,0),"SII登録型番を正しく入力してください"))</f>
        <v/>
      </c>
      <c r="P12" s="1068"/>
      <c r="Q12" s="1068"/>
      <c r="R12" s="1068"/>
      <c r="S12" s="1068"/>
      <c r="T12" s="1068"/>
      <c r="U12" s="1068"/>
      <c r="V12" s="1068"/>
      <c r="W12" s="1068"/>
      <c r="X12" s="1068"/>
      <c r="Y12" s="1069"/>
      <c r="Z12" s="1067" t="str">
        <f>IF(G12="","",IFERROR(VLOOKUP(G12,製品リスト!$G$4:$I$1000,3,0),"SII登録型番を正しく入力してください"))</f>
        <v/>
      </c>
      <c r="AA12" s="1068"/>
      <c r="AB12" s="1068"/>
      <c r="AC12" s="1068"/>
      <c r="AD12" s="1068"/>
      <c r="AE12" s="1068"/>
      <c r="AF12" s="1068"/>
      <c r="AG12" s="1068"/>
      <c r="AH12" s="1068"/>
      <c r="AI12" s="1068"/>
      <c r="AJ12" s="1068"/>
      <c r="AK12" s="1068"/>
      <c r="AL12" s="1068"/>
      <c r="AM12" s="1069"/>
      <c r="AN12" s="1061" t="str">
        <f>IF(G12="","",IFERROR(VLOOKUP(G12,製品リスト!$G$4:$J$1000,4,0),"SII登録型番を正しく入力してください"))</f>
        <v/>
      </c>
      <c r="AO12" s="1062"/>
      <c r="AP12" s="1063"/>
      <c r="AQ12" s="1070"/>
      <c r="AR12" s="1071"/>
      <c r="AS12" s="1072" t="str">
        <f t="shared" si="0"/>
        <v/>
      </c>
      <c r="AT12" s="1073"/>
      <c r="AU12" s="1074"/>
      <c r="AV12" s="1092"/>
      <c r="AW12" s="1093"/>
      <c r="AX12" s="1094"/>
      <c r="AY12" s="1057"/>
      <c r="AZ12" s="1058"/>
      <c r="BA12" s="1058"/>
      <c r="BB12" s="1058"/>
      <c r="BC12" s="1060"/>
      <c r="BD12" s="218"/>
      <c r="BE12" s="218"/>
      <c r="BF12" s="219">
        <v>4</v>
      </c>
      <c r="BG12" s="329"/>
    </row>
    <row r="13" spans="1:83" ht="29.25" customHeight="1" x14ac:dyDescent="0.2">
      <c r="A13" s="1132"/>
      <c r="B13" s="1133"/>
      <c r="C13" s="1134"/>
      <c r="D13" s="1075" t="s">
        <v>90</v>
      </c>
      <c r="E13" s="1076"/>
      <c r="F13" s="1077"/>
      <c r="G13" s="1078"/>
      <c r="H13" s="1079"/>
      <c r="I13" s="1079"/>
      <c r="J13" s="1079"/>
      <c r="K13" s="1079"/>
      <c r="L13" s="1079"/>
      <c r="M13" s="1079"/>
      <c r="N13" s="1080"/>
      <c r="O13" s="1081" t="str">
        <f>IF(G13="","",IFERROR(VLOOKUP(G13,製品リスト!$G$4:$I$1000,2,0),"SII登録型番を正しく入力してください"))</f>
        <v/>
      </c>
      <c r="P13" s="1082"/>
      <c r="Q13" s="1082"/>
      <c r="R13" s="1082"/>
      <c r="S13" s="1082"/>
      <c r="T13" s="1082"/>
      <c r="U13" s="1082"/>
      <c r="V13" s="1082"/>
      <c r="W13" s="1082"/>
      <c r="X13" s="1082"/>
      <c r="Y13" s="1083"/>
      <c r="Z13" s="1081" t="str">
        <f>IF(G13="","",IFERROR(VLOOKUP(G13,製品リスト!$G$4:$I$1000,3,0),"SII登録型番を正しく入力してください"))</f>
        <v/>
      </c>
      <c r="AA13" s="1082"/>
      <c r="AB13" s="1082"/>
      <c r="AC13" s="1082"/>
      <c r="AD13" s="1082"/>
      <c r="AE13" s="1082"/>
      <c r="AF13" s="1082"/>
      <c r="AG13" s="1082"/>
      <c r="AH13" s="1082"/>
      <c r="AI13" s="1082"/>
      <c r="AJ13" s="1082"/>
      <c r="AK13" s="1082"/>
      <c r="AL13" s="1082"/>
      <c r="AM13" s="1083"/>
      <c r="AN13" s="1075" t="str">
        <f>IF(G13="","",IFERROR(VLOOKUP(G13,製品リスト!$G$4:$J$1000,4,0),"SII登録型番を正しく入力してください"))</f>
        <v/>
      </c>
      <c r="AO13" s="1076"/>
      <c r="AP13" s="1077"/>
      <c r="AQ13" s="1084"/>
      <c r="AR13" s="1085"/>
      <c r="AS13" s="1086" t="str">
        <f t="shared" si="0"/>
        <v/>
      </c>
      <c r="AT13" s="1087"/>
      <c r="AU13" s="1088"/>
      <c r="AV13" s="1089" t="str">
        <f t="shared" ref="AV13" si="2">IF(AS13&lt;&gt;"",SUM(AS13:AU14),"")</f>
        <v/>
      </c>
      <c r="AW13" s="1090"/>
      <c r="AX13" s="1091"/>
      <c r="AY13" s="1055"/>
      <c r="AZ13" s="1056"/>
      <c r="BA13" s="1056"/>
      <c r="BB13" s="1056"/>
      <c r="BC13" s="1059" t="s">
        <v>13</v>
      </c>
      <c r="BD13" s="218"/>
      <c r="BE13" s="218"/>
      <c r="BF13" s="219">
        <v>5</v>
      </c>
      <c r="BG13" s="329"/>
    </row>
    <row r="14" spans="1:83" ht="29.25" customHeight="1" x14ac:dyDescent="0.2">
      <c r="A14" s="1132"/>
      <c r="B14" s="1133"/>
      <c r="C14" s="1134"/>
      <c r="D14" s="1061" t="s">
        <v>91</v>
      </c>
      <c r="E14" s="1062"/>
      <c r="F14" s="1063"/>
      <c r="G14" s="1064"/>
      <c r="H14" s="1065"/>
      <c r="I14" s="1065"/>
      <c r="J14" s="1065"/>
      <c r="K14" s="1065"/>
      <c r="L14" s="1065"/>
      <c r="M14" s="1065"/>
      <c r="N14" s="1066"/>
      <c r="O14" s="1067" t="str">
        <f>IF(G14="","",IFERROR(VLOOKUP(G14,製品リスト!$G$4:$I$1000,2,0),"SII登録型番を正しく入力してください"))</f>
        <v/>
      </c>
      <c r="P14" s="1068"/>
      <c r="Q14" s="1068"/>
      <c r="R14" s="1068"/>
      <c r="S14" s="1068"/>
      <c r="T14" s="1068"/>
      <c r="U14" s="1068"/>
      <c r="V14" s="1068"/>
      <c r="W14" s="1068"/>
      <c r="X14" s="1068"/>
      <c r="Y14" s="1069"/>
      <c r="Z14" s="1067" t="str">
        <f>IF(G14="","",IFERROR(VLOOKUP(G14,製品リスト!$G$4:$I$1000,3,0),"SII登録型番を正しく入力してください"))</f>
        <v/>
      </c>
      <c r="AA14" s="1068"/>
      <c r="AB14" s="1068"/>
      <c r="AC14" s="1068"/>
      <c r="AD14" s="1068"/>
      <c r="AE14" s="1068"/>
      <c r="AF14" s="1068"/>
      <c r="AG14" s="1068"/>
      <c r="AH14" s="1068"/>
      <c r="AI14" s="1068"/>
      <c r="AJ14" s="1068"/>
      <c r="AK14" s="1068"/>
      <c r="AL14" s="1068"/>
      <c r="AM14" s="1069"/>
      <c r="AN14" s="1061" t="str">
        <f>IF(G14="","",IFERROR(VLOOKUP(G14,製品リスト!$G$4:$J$1000,4,0),"SII登録型番を正しく入力してください"))</f>
        <v/>
      </c>
      <c r="AO14" s="1062"/>
      <c r="AP14" s="1063"/>
      <c r="AQ14" s="1070"/>
      <c r="AR14" s="1071"/>
      <c r="AS14" s="1072" t="str">
        <f t="shared" si="0"/>
        <v/>
      </c>
      <c r="AT14" s="1073"/>
      <c r="AU14" s="1074"/>
      <c r="AV14" s="1092"/>
      <c r="AW14" s="1093"/>
      <c r="AX14" s="1094"/>
      <c r="AY14" s="1057"/>
      <c r="AZ14" s="1058"/>
      <c r="BA14" s="1058"/>
      <c r="BB14" s="1058"/>
      <c r="BC14" s="1060"/>
      <c r="BD14" s="218"/>
      <c r="BE14" s="218"/>
      <c r="BF14" s="219">
        <v>6</v>
      </c>
      <c r="BG14" s="329"/>
    </row>
    <row r="15" spans="1:83" ht="29.25" customHeight="1" x14ac:dyDescent="0.2">
      <c r="A15" s="1132"/>
      <c r="B15" s="1133"/>
      <c r="C15" s="1134"/>
      <c r="D15" s="1075" t="s">
        <v>90</v>
      </c>
      <c r="E15" s="1076"/>
      <c r="F15" s="1077"/>
      <c r="G15" s="1078"/>
      <c r="H15" s="1079"/>
      <c r="I15" s="1079"/>
      <c r="J15" s="1079"/>
      <c r="K15" s="1079"/>
      <c r="L15" s="1079"/>
      <c r="M15" s="1079"/>
      <c r="N15" s="1080"/>
      <c r="O15" s="1081" t="str">
        <f>IF(G15="","",IFERROR(VLOOKUP(G15,製品リスト!$G$4:$I$1000,2,0),"SII登録型番を正しく入力してください"))</f>
        <v/>
      </c>
      <c r="P15" s="1082"/>
      <c r="Q15" s="1082"/>
      <c r="R15" s="1082"/>
      <c r="S15" s="1082"/>
      <c r="T15" s="1082"/>
      <c r="U15" s="1082"/>
      <c r="V15" s="1082"/>
      <c r="W15" s="1082"/>
      <c r="X15" s="1082"/>
      <c r="Y15" s="1083"/>
      <c r="Z15" s="1081" t="str">
        <f>IF(G15="","",IFERROR(VLOOKUP(G15,製品リスト!$G$4:$I$1000,3,0),"SII登録型番を正しく入力してください"))</f>
        <v/>
      </c>
      <c r="AA15" s="1082"/>
      <c r="AB15" s="1082"/>
      <c r="AC15" s="1082"/>
      <c r="AD15" s="1082"/>
      <c r="AE15" s="1082"/>
      <c r="AF15" s="1082"/>
      <c r="AG15" s="1082"/>
      <c r="AH15" s="1082"/>
      <c r="AI15" s="1082"/>
      <c r="AJ15" s="1082"/>
      <c r="AK15" s="1082"/>
      <c r="AL15" s="1082"/>
      <c r="AM15" s="1083"/>
      <c r="AN15" s="1075" t="str">
        <f>IF(G15="","",IFERROR(VLOOKUP(G15,製品リスト!$G$4:$J$1000,4,0),"SII登録型番を正しく入力してください"))</f>
        <v/>
      </c>
      <c r="AO15" s="1076"/>
      <c r="AP15" s="1077"/>
      <c r="AQ15" s="1084"/>
      <c r="AR15" s="1085"/>
      <c r="AS15" s="1086" t="str">
        <f t="shared" si="0"/>
        <v/>
      </c>
      <c r="AT15" s="1087"/>
      <c r="AU15" s="1088"/>
      <c r="AV15" s="1089" t="str">
        <f t="shared" ref="AV15" si="3">IF(AS15&lt;&gt;"",SUM(AS15:AU16),"")</f>
        <v/>
      </c>
      <c r="AW15" s="1090"/>
      <c r="AX15" s="1091"/>
      <c r="AY15" s="1055"/>
      <c r="AZ15" s="1056"/>
      <c r="BA15" s="1056"/>
      <c r="BB15" s="1056"/>
      <c r="BC15" s="1059" t="s">
        <v>13</v>
      </c>
      <c r="BD15" s="218"/>
      <c r="BE15" s="218"/>
      <c r="BF15" s="219">
        <v>7</v>
      </c>
      <c r="BG15" s="329"/>
    </row>
    <row r="16" spans="1:83" ht="29.25" customHeight="1" x14ac:dyDescent="0.2">
      <c r="A16" s="1132"/>
      <c r="B16" s="1133"/>
      <c r="C16" s="1134"/>
      <c r="D16" s="1061" t="s">
        <v>91</v>
      </c>
      <c r="E16" s="1062"/>
      <c r="F16" s="1063"/>
      <c r="G16" s="1064"/>
      <c r="H16" s="1065"/>
      <c r="I16" s="1065"/>
      <c r="J16" s="1065"/>
      <c r="K16" s="1065"/>
      <c r="L16" s="1065"/>
      <c r="M16" s="1065"/>
      <c r="N16" s="1066"/>
      <c r="O16" s="1067" t="str">
        <f>IF(G16="","",IFERROR(VLOOKUP(G16,製品リスト!$G$4:$I$1000,2,0),"SII登録型番を正しく入力してください"))</f>
        <v/>
      </c>
      <c r="P16" s="1068"/>
      <c r="Q16" s="1068"/>
      <c r="R16" s="1068"/>
      <c r="S16" s="1068"/>
      <c r="T16" s="1068"/>
      <c r="U16" s="1068"/>
      <c r="V16" s="1068"/>
      <c r="W16" s="1068"/>
      <c r="X16" s="1068"/>
      <c r="Y16" s="1069"/>
      <c r="Z16" s="1067" t="str">
        <f>IF(G16="","",IFERROR(VLOOKUP(G16,製品リスト!$G$4:$I$1000,3,0),"SII登録型番を正しく入力してください"))</f>
        <v/>
      </c>
      <c r="AA16" s="1068"/>
      <c r="AB16" s="1068"/>
      <c r="AC16" s="1068"/>
      <c r="AD16" s="1068"/>
      <c r="AE16" s="1068"/>
      <c r="AF16" s="1068"/>
      <c r="AG16" s="1068"/>
      <c r="AH16" s="1068"/>
      <c r="AI16" s="1068"/>
      <c r="AJ16" s="1068"/>
      <c r="AK16" s="1068"/>
      <c r="AL16" s="1068"/>
      <c r="AM16" s="1069"/>
      <c r="AN16" s="1061" t="str">
        <f>IF(G16="","",IFERROR(VLOOKUP(G16,製品リスト!$G$4:$J$1000,4,0),"SII登録型番を正しく入力してください"))</f>
        <v/>
      </c>
      <c r="AO16" s="1062"/>
      <c r="AP16" s="1063"/>
      <c r="AQ16" s="1070"/>
      <c r="AR16" s="1071"/>
      <c r="AS16" s="1072" t="str">
        <f t="shared" si="0"/>
        <v/>
      </c>
      <c r="AT16" s="1073"/>
      <c r="AU16" s="1074"/>
      <c r="AV16" s="1092"/>
      <c r="AW16" s="1093"/>
      <c r="AX16" s="1094"/>
      <c r="AY16" s="1057"/>
      <c r="AZ16" s="1058"/>
      <c r="BA16" s="1058"/>
      <c r="BB16" s="1058"/>
      <c r="BC16" s="1060"/>
      <c r="BD16" s="218"/>
      <c r="BE16" s="218"/>
      <c r="BF16" s="219">
        <v>8</v>
      </c>
      <c r="BG16" s="329"/>
    </row>
    <row r="17" spans="1:83" ht="29.25" customHeight="1" x14ac:dyDescent="0.2">
      <c r="A17" s="1132"/>
      <c r="B17" s="1133"/>
      <c r="C17" s="1134"/>
      <c r="D17" s="1075" t="s">
        <v>90</v>
      </c>
      <c r="E17" s="1076"/>
      <c r="F17" s="1077"/>
      <c r="G17" s="1078"/>
      <c r="H17" s="1079"/>
      <c r="I17" s="1079"/>
      <c r="J17" s="1079"/>
      <c r="K17" s="1079"/>
      <c r="L17" s="1079"/>
      <c r="M17" s="1079"/>
      <c r="N17" s="1080"/>
      <c r="O17" s="1081" t="str">
        <f>IF(G17="","",IFERROR(VLOOKUP(G17,製品リスト!$G$4:$I$1000,2,0),"SII登録型番を正しく入力してください"))</f>
        <v/>
      </c>
      <c r="P17" s="1082"/>
      <c r="Q17" s="1082"/>
      <c r="R17" s="1082"/>
      <c r="S17" s="1082"/>
      <c r="T17" s="1082"/>
      <c r="U17" s="1082"/>
      <c r="V17" s="1082"/>
      <c r="W17" s="1082"/>
      <c r="X17" s="1082"/>
      <c r="Y17" s="1083"/>
      <c r="Z17" s="1081" t="str">
        <f>IF(G17="","",IFERROR(VLOOKUP(G17,製品リスト!$G$4:$I$1000,3,0),"SII登録型番を正しく入力してください"))</f>
        <v/>
      </c>
      <c r="AA17" s="1082"/>
      <c r="AB17" s="1082"/>
      <c r="AC17" s="1082"/>
      <c r="AD17" s="1082"/>
      <c r="AE17" s="1082"/>
      <c r="AF17" s="1082"/>
      <c r="AG17" s="1082"/>
      <c r="AH17" s="1082"/>
      <c r="AI17" s="1082"/>
      <c r="AJ17" s="1082"/>
      <c r="AK17" s="1082"/>
      <c r="AL17" s="1082"/>
      <c r="AM17" s="1083"/>
      <c r="AN17" s="1075" t="str">
        <f>IF(G17="","",IFERROR(VLOOKUP(G17,製品リスト!$G$4:$J$1000,4,0),"SII登録型番を正しく入力してください"))</f>
        <v/>
      </c>
      <c r="AO17" s="1076"/>
      <c r="AP17" s="1077"/>
      <c r="AQ17" s="1084"/>
      <c r="AR17" s="1085"/>
      <c r="AS17" s="1086" t="str">
        <f t="shared" ref="AS17:AS18" si="4">IF(AND(AN17&lt;&gt;"",AQ17&lt;&gt;""),ROUNDDOWN(((AQ17/AN17)/1000),1),"")</f>
        <v/>
      </c>
      <c r="AT17" s="1087"/>
      <c r="AU17" s="1088"/>
      <c r="AV17" s="1089" t="str">
        <f t="shared" ref="AV17" si="5">IF(AS17&lt;&gt;"",SUM(AS17:AU18),"")</f>
        <v/>
      </c>
      <c r="AW17" s="1090"/>
      <c r="AX17" s="1091"/>
      <c r="AY17" s="1055"/>
      <c r="AZ17" s="1056"/>
      <c r="BA17" s="1056"/>
      <c r="BB17" s="1056"/>
      <c r="BC17" s="1059" t="s">
        <v>13</v>
      </c>
      <c r="BD17" s="218"/>
      <c r="BE17" s="218"/>
      <c r="BF17" s="219">
        <v>9</v>
      </c>
      <c r="BG17" s="329"/>
    </row>
    <row r="18" spans="1:83" ht="29.25" customHeight="1" x14ac:dyDescent="0.2">
      <c r="A18" s="1132"/>
      <c r="B18" s="1133"/>
      <c r="C18" s="1134"/>
      <c r="D18" s="1061" t="s">
        <v>91</v>
      </c>
      <c r="E18" s="1062"/>
      <c r="F18" s="1063"/>
      <c r="G18" s="1064"/>
      <c r="H18" s="1065"/>
      <c r="I18" s="1065"/>
      <c r="J18" s="1065"/>
      <c r="K18" s="1065"/>
      <c r="L18" s="1065"/>
      <c r="M18" s="1065"/>
      <c r="N18" s="1066"/>
      <c r="O18" s="1067" t="str">
        <f>IF(G18="","",IFERROR(VLOOKUP(G18,製品リスト!$G$4:$I$1000,2,0),"SII登録型番を正しく入力してください"))</f>
        <v/>
      </c>
      <c r="P18" s="1068"/>
      <c r="Q18" s="1068"/>
      <c r="R18" s="1068"/>
      <c r="S18" s="1068"/>
      <c r="T18" s="1068"/>
      <c r="U18" s="1068"/>
      <c r="V18" s="1068"/>
      <c r="W18" s="1068"/>
      <c r="X18" s="1068"/>
      <c r="Y18" s="1069"/>
      <c r="Z18" s="1067" t="str">
        <f>IF(G18="","",IFERROR(VLOOKUP(G18,製品リスト!$G$4:$I$1000,3,0),"SII登録型番を正しく入力してください"))</f>
        <v/>
      </c>
      <c r="AA18" s="1068"/>
      <c r="AB18" s="1068"/>
      <c r="AC18" s="1068"/>
      <c r="AD18" s="1068"/>
      <c r="AE18" s="1068"/>
      <c r="AF18" s="1068"/>
      <c r="AG18" s="1068"/>
      <c r="AH18" s="1068"/>
      <c r="AI18" s="1068"/>
      <c r="AJ18" s="1068"/>
      <c r="AK18" s="1068"/>
      <c r="AL18" s="1068"/>
      <c r="AM18" s="1069"/>
      <c r="AN18" s="1061" t="str">
        <f>IF(G18="","",IFERROR(VLOOKUP(G18,製品リスト!$G$4:$J$1000,4,0),"SII登録型番を正しく入力してください"))</f>
        <v/>
      </c>
      <c r="AO18" s="1062"/>
      <c r="AP18" s="1063"/>
      <c r="AQ18" s="1070"/>
      <c r="AR18" s="1071"/>
      <c r="AS18" s="1072" t="str">
        <f t="shared" si="4"/>
        <v/>
      </c>
      <c r="AT18" s="1073"/>
      <c r="AU18" s="1074"/>
      <c r="AV18" s="1092"/>
      <c r="AW18" s="1093"/>
      <c r="AX18" s="1094"/>
      <c r="AY18" s="1057"/>
      <c r="AZ18" s="1058"/>
      <c r="BA18" s="1058"/>
      <c r="BB18" s="1058"/>
      <c r="BC18" s="1060"/>
      <c r="BD18" s="218"/>
      <c r="BE18" s="218"/>
      <c r="BF18" s="219">
        <v>10</v>
      </c>
      <c r="BG18" s="329"/>
    </row>
    <row r="19" spans="1:83" ht="29.25" customHeight="1" x14ac:dyDescent="0.2">
      <c r="A19" s="1132"/>
      <c r="B19" s="1133"/>
      <c r="C19" s="1134"/>
      <c r="D19" s="1075" t="s">
        <v>90</v>
      </c>
      <c r="E19" s="1076"/>
      <c r="F19" s="1077"/>
      <c r="G19" s="1078"/>
      <c r="H19" s="1079"/>
      <c r="I19" s="1079"/>
      <c r="J19" s="1079"/>
      <c r="K19" s="1079"/>
      <c r="L19" s="1079"/>
      <c r="M19" s="1079"/>
      <c r="N19" s="1080"/>
      <c r="O19" s="1081" t="str">
        <f>IF(G19="","",IFERROR(VLOOKUP(G19,製品リスト!$G$4:$I$1000,2,0),"SII登録型番を正しく入力してください"))</f>
        <v/>
      </c>
      <c r="P19" s="1082"/>
      <c r="Q19" s="1082"/>
      <c r="R19" s="1082"/>
      <c r="S19" s="1082"/>
      <c r="T19" s="1082"/>
      <c r="U19" s="1082"/>
      <c r="V19" s="1082"/>
      <c r="W19" s="1082"/>
      <c r="X19" s="1082"/>
      <c r="Y19" s="1083"/>
      <c r="Z19" s="1081" t="str">
        <f>IF(G19="","",IFERROR(VLOOKUP(G19,製品リスト!$G$4:$I$1000,3,0),"SII登録型番を正しく入力してください"))</f>
        <v/>
      </c>
      <c r="AA19" s="1082"/>
      <c r="AB19" s="1082"/>
      <c r="AC19" s="1082"/>
      <c r="AD19" s="1082"/>
      <c r="AE19" s="1082"/>
      <c r="AF19" s="1082"/>
      <c r="AG19" s="1082"/>
      <c r="AH19" s="1082"/>
      <c r="AI19" s="1082"/>
      <c r="AJ19" s="1082"/>
      <c r="AK19" s="1082"/>
      <c r="AL19" s="1082"/>
      <c r="AM19" s="1083"/>
      <c r="AN19" s="1075" t="str">
        <f>IF(G19="","",IFERROR(VLOOKUP(G19,製品リスト!$G$4:$J$1000,4,0),"SII登録型番を正しく入力してください"))</f>
        <v/>
      </c>
      <c r="AO19" s="1076"/>
      <c r="AP19" s="1077"/>
      <c r="AQ19" s="1084"/>
      <c r="AR19" s="1085"/>
      <c r="AS19" s="1086" t="str">
        <f t="shared" ref="AS19:AS22" si="6">IF(AND(AN19&lt;&gt;"",AQ19&lt;&gt;""),ROUNDDOWN(((AQ19/AN19)/1000),1),"")</f>
        <v/>
      </c>
      <c r="AT19" s="1087"/>
      <c r="AU19" s="1088"/>
      <c r="AV19" s="1089" t="str">
        <f t="shared" ref="AV19" si="7">IF(AS19&lt;&gt;"",SUM(AS19:AU20),"")</f>
        <v/>
      </c>
      <c r="AW19" s="1090"/>
      <c r="AX19" s="1091"/>
      <c r="AY19" s="1055"/>
      <c r="AZ19" s="1056"/>
      <c r="BA19" s="1056"/>
      <c r="BB19" s="1056"/>
      <c r="BC19" s="1059" t="s">
        <v>13</v>
      </c>
      <c r="BD19" s="218"/>
      <c r="BE19" s="218"/>
      <c r="BF19" s="219">
        <v>11</v>
      </c>
      <c r="BG19" s="329"/>
    </row>
    <row r="20" spans="1:83" ht="29.25" customHeight="1" x14ac:dyDescent="0.2">
      <c r="A20" s="1132"/>
      <c r="B20" s="1133"/>
      <c r="C20" s="1134"/>
      <c r="D20" s="1061" t="s">
        <v>91</v>
      </c>
      <c r="E20" s="1062"/>
      <c r="F20" s="1063"/>
      <c r="G20" s="1064"/>
      <c r="H20" s="1065"/>
      <c r="I20" s="1065"/>
      <c r="J20" s="1065"/>
      <c r="K20" s="1065"/>
      <c r="L20" s="1065"/>
      <c r="M20" s="1065"/>
      <c r="N20" s="1066"/>
      <c r="O20" s="1067" t="str">
        <f>IF(G20="","",IFERROR(VLOOKUP(G20,製品リスト!$G$4:$I$1000,2,0),"SII登録型番を正しく入力してください"))</f>
        <v/>
      </c>
      <c r="P20" s="1068"/>
      <c r="Q20" s="1068"/>
      <c r="R20" s="1068"/>
      <c r="S20" s="1068"/>
      <c r="T20" s="1068"/>
      <c r="U20" s="1068"/>
      <c r="V20" s="1068"/>
      <c r="W20" s="1068"/>
      <c r="X20" s="1068"/>
      <c r="Y20" s="1069"/>
      <c r="Z20" s="1067" t="str">
        <f>IF(G20="","",IFERROR(VLOOKUP(G20,製品リスト!$G$4:$I$1000,3,0),"SII登録型番を正しく入力してください"))</f>
        <v/>
      </c>
      <c r="AA20" s="1068"/>
      <c r="AB20" s="1068"/>
      <c r="AC20" s="1068"/>
      <c r="AD20" s="1068"/>
      <c r="AE20" s="1068"/>
      <c r="AF20" s="1068"/>
      <c r="AG20" s="1068"/>
      <c r="AH20" s="1068"/>
      <c r="AI20" s="1068"/>
      <c r="AJ20" s="1068"/>
      <c r="AK20" s="1068"/>
      <c r="AL20" s="1068"/>
      <c r="AM20" s="1069"/>
      <c r="AN20" s="1061" t="str">
        <f>IF(G20="","",IFERROR(VLOOKUP(G20,製品リスト!$G$4:$J$1000,4,0),"SII登録型番を正しく入力してください"))</f>
        <v/>
      </c>
      <c r="AO20" s="1062"/>
      <c r="AP20" s="1063"/>
      <c r="AQ20" s="1070"/>
      <c r="AR20" s="1071"/>
      <c r="AS20" s="1072" t="str">
        <f t="shared" si="6"/>
        <v/>
      </c>
      <c r="AT20" s="1073"/>
      <c r="AU20" s="1074"/>
      <c r="AV20" s="1092"/>
      <c r="AW20" s="1093"/>
      <c r="AX20" s="1094"/>
      <c r="AY20" s="1057"/>
      <c r="AZ20" s="1058"/>
      <c r="BA20" s="1058"/>
      <c r="BB20" s="1058"/>
      <c r="BC20" s="1060"/>
      <c r="BD20" s="218"/>
      <c r="BE20" s="218"/>
      <c r="BF20" s="219">
        <v>12</v>
      </c>
      <c r="BG20" s="329"/>
    </row>
    <row r="21" spans="1:83" ht="29.25" customHeight="1" x14ac:dyDescent="0.2">
      <c r="A21" s="1132"/>
      <c r="B21" s="1133"/>
      <c r="C21" s="1134"/>
      <c r="D21" s="1075" t="s">
        <v>90</v>
      </c>
      <c r="E21" s="1076"/>
      <c r="F21" s="1077"/>
      <c r="G21" s="1078"/>
      <c r="H21" s="1079"/>
      <c r="I21" s="1079"/>
      <c r="J21" s="1079"/>
      <c r="K21" s="1079"/>
      <c r="L21" s="1079"/>
      <c r="M21" s="1079"/>
      <c r="N21" s="1080"/>
      <c r="O21" s="1081" t="str">
        <f>IF(G21="","",IFERROR(VLOOKUP(G21,製品リスト!$G$4:$I$1000,2,0),"SII登録型番を正しく入力してください"))</f>
        <v/>
      </c>
      <c r="P21" s="1082"/>
      <c r="Q21" s="1082"/>
      <c r="R21" s="1082"/>
      <c r="S21" s="1082"/>
      <c r="T21" s="1082"/>
      <c r="U21" s="1082"/>
      <c r="V21" s="1082"/>
      <c r="W21" s="1082"/>
      <c r="X21" s="1082"/>
      <c r="Y21" s="1083"/>
      <c r="Z21" s="1081" t="str">
        <f>IF(G21="","",IFERROR(VLOOKUP(G21,製品リスト!$G$4:$I$1000,3,0),"SII登録型番を正しく入力してください"))</f>
        <v/>
      </c>
      <c r="AA21" s="1082"/>
      <c r="AB21" s="1082"/>
      <c r="AC21" s="1082"/>
      <c r="AD21" s="1082"/>
      <c r="AE21" s="1082"/>
      <c r="AF21" s="1082"/>
      <c r="AG21" s="1082"/>
      <c r="AH21" s="1082"/>
      <c r="AI21" s="1082"/>
      <c r="AJ21" s="1082"/>
      <c r="AK21" s="1082"/>
      <c r="AL21" s="1082"/>
      <c r="AM21" s="1083"/>
      <c r="AN21" s="1075" t="str">
        <f>IF(G21="","",IFERROR(VLOOKUP(G21,製品リスト!$G$4:$J$1000,4,0),"SII登録型番を正しく入力してください"))</f>
        <v/>
      </c>
      <c r="AO21" s="1076"/>
      <c r="AP21" s="1077"/>
      <c r="AQ21" s="1084"/>
      <c r="AR21" s="1085"/>
      <c r="AS21" s="1086" t="str">
        <f t="shared" si="6"/>
        <v/>
      </c>
      <c r="AT21" s="1087"/>
      <c r="AU21" s="1088"/>
      <c r="AV21" s="1089" t="str">
        <f t="shared" ref="AV21" si="8">IF(AS21&lt;&gt;"",SUM(AS21:AU22),"")</f>
        <v/>
      </c>
      <c r="AW21" s="1090"/>
      <c r="AX21" s="1091"/>
      <c r="AY21" s="1055"/>
      <c r="AZ21" s="1056"/>
      <c r="BA21" s="1056"/>
      <c r="BB21" s="1056"/>
      <c r="BC21" s="1059" t="s">
        <v>13</v>
      </c>
      <c r="BD21" s="218"/>
      <c r="BE21" s="218"/>
      <c r="BF21" s="219">
        <v>13</v>
      </c>
      <c r="BG21" s="329"/>
    </row>
    <row r="22" spans="1:83" ht="29.25" customHeight="1" x14ac:dyDescent="0.2">
      <c r="A22" s="1132"/>
      <c r="B22" s="1133"/>
      <c r="C22" s="1134"/>
      <c r="D22" s="1061" t="s">
        <v>91</v>
      </c>
      <c r="E22" s="1062"/>
      <c r="F22" s="1063"/>
      <c r="G22" s="1064"/>
      <c r="H22" s="1065"/>
      <c r="I22" s="1065"/>
      <c r="J22" s="1065"/>
      <c r="K22" s="1065"/>
      <c r="L22" s="1065"/>
      <c r="M22" s="1065"/>
      <c r="N22" s="1066"/>
      <c r="O22" s="1067" t="str">
        <f>IF(G22="","",IFERROR(VLOOKUP(G22,製品リスト!$G$4:$I$1000,2,0),"SII登録型番を正しく入力してください"))</f>
        <v/>
      </c>
      <c r="P22" s="1068"/>
      <c r="Q22" s="1068"/>
      <c r="R22" s="1068"/>
      <c r="S22" s="1068"/>
      <c r="T22" s="1068"/>
      <c r="U22" s="1068"/>
      <c r="V22" s="1068"/>
      <c r="W22" s="1068"/>
      <c r="X22" s="1068"/>
      <c r="Y22" s="1069"/>
      <c r="Z22" s="1067" t="str">
        <f>IF(G22="","",IFERROR(VLOOKUP(G22,製品リスト!$G$4:$I$1000,3,0),"SII登録型番を正しく入力してください"))</f>
        <v/>
      </c>
      <c r="AA22" s="1068"/>
      <c r="AB22" s="1068"/>
      <c r="AC22" s="1068"/>
      <c r="AD22" s="1068"/>
      <c r="AE22" s="1068"/>
      <c r="AF22" s="1068"/>
      <c r="AG22" s="1068"/>
      <c r="AH22" s="1068"/>
      <c r="AI22" s="1068"/>
      <c r="AJ22" s="1068"/>
      <c r="AK22" s="1068"/>
      <c r="AL22" s="1068"/>
      <c r="AM22" s="1069"/>
      <c r="AN22" s="1061" t="str">
        <f>IF(G22="","",IFERROR(VLOOKUP(G22,製品リスト!$G$4:$J$1000,4,0),"SII登録型番を正しく入力してください"))</f>
        <v/>
      </c>
      <c r="AO22" s="1062"/>
      <c r="AP22" s="1063"/>
      <c r="AQ22" s="1070"/>
      <c r="AR22" s="1071"/>
      <c r="AS22" s="1072" t="str">
        <f t="shared" si="6"/>
        <v/>
      </c>
      <c r="AT22" s="1073"/>
      <c r="AU22" s="1074"/>
      <c r="AV22" s="1092"/>
      <c r="AW22" s="1093"/>
      <c r="AX22" s="1094"/>
      <c r="AY22" s="1057"/>
      <c r="AZ22" s="1058"/>
      <c r="BA22" s="1058"/>
      <c r="BB22" s="1058"/>
      <c r="BC22" s="1060"/>
      <c r="BD22" s="218"/>
      <c r="BE22" s="218"/>
      <c r="BF22" s="219">
        <v>14</v>
      </c>
      <c r="BG22" s="329"/>
    </row>
    <row r="23" spans="1:83" ht="29.25" customHeight="1" x14ac:dyDescent="0.2">
      <c r="A23" s="1132"/>
      <c r="B23" s="1133"/>
      <c r="C23" s="1134"/>
      <c r="D23" s="1075" t="s">
        <v>90</v>
      </c>
      <c r="E23" s="1076"/>
      <c r="F23" s="1077"/>
      <c r="G23" s="1078"/>
      <c r="H23" s="1079"/>
      <c r="I23" s="1079"/>
      <c r="J23" s="1079"/>
      <c r="K23" s="1079"/>
      <c r="L23" s="1079"/>
      <c r="M23" s="1079"/>
      <c r="N23" s="1080"/>
      <c r="O23" s="1081" t="str">
        <f>IF(G23="","",IFERROR(VLOOKUP(G23,製品リスト!$G$4:$I$1000,2,0),"SII登録型番を正しく入力してください"))</f>
        <v/>
      </c>
      <c r="P23" s="1082"/>
      <c r="Q23" s="1082"/>
      <c r="R23" s="1082"/>
      <c r="S23" s="1082"/>
      <c r="T23" s="1082"/>
      <c r="U23" s="1082"/>
      <c r="V23" s="1082"/>
      <c r="W23" s="1082"/>
      <c r="X23" s="1082"/>
      <c r="Y23" s="1083"/>
      <c r="Z23" s="1081" t="str">
        <f>IF(G23="","",IFERROR(VLOOKUP(G23,製品リスト!$G$4:$I$1000,3,0),"SII登録型番を正しく入力してください"))</f>
        <v/>
      </c>
      <c r="AA23" s="1082"/>
      <c r="AB23" s="1082"/>
      <c r="AC23" s="1082"/>
      <c r="AD23" s="1082"/>
      <c r="AE23" s="1082"/>
      <c r="AF23" s="1082"/>
      <c r="AG23" s="1082"/>
      <c r="AH23" s="1082"/>
      <c r="AI23" s="1082"/>
      <c r="AJ23" s="1082"/>
      <c r="AK23" s="1082"/>
      <c r="AL23" s="1082"/>
      <c r="AM23" s="1083"/>
      <c r="AN23" s="1075" t="str">
        <f>IF(G23="","",IFERROR(VLOOKUP(G23,製品リスト!$G$4:$J$1000,4,0),"SII登録型番を正しく入力してください"))</f>
        <v/>
      </c>
      <c r="AO23" s="1076"/>
      <c r="AP23" s="1077"/>
      <c r="AQ23" s="1084"/>
      <c r="AR23" s="1085"/>
      <c r="AS23" s="1086" t="str">
        <f t="shared" si="0"/>
        <v/>
      </c>
      <c r="AT23" s="1087"/>
      <c r="AU23" s="1088"/>
      <c r="AV23" s="1089" t="str">
        <f t="shared" ref="AV23" si="9">IF(AS23&lt;&gt;"",SUM(AS23:AU24),"")</f>
        <v/>
      </c>
      <c r="AW23" s="1090"/>
      <c r="AX23" s="1091"/>
      <c r="AY23" s="1055"/>
      <c r="AZ23" s="1056"/>
      <c r="BA23" s="1056"/>
      <c r="BB23" s="1056"/>
      <c r="BC23" s="1059" t="s">
        <v>13</v>
      </c>
      <c r="BD23" s="218"/>
      <c r="BE23" s="218"/>
      <c r="BF23" s="219">
        <v>15</v>
      </c>
      <c r="BG23" s="329"/>
    </row>
    <row r="24" spans="1:83" ht="29.25" customHeight="1" x14ac:dyDescent="0.2">
      <c r="A24" s="1132"/>
      <c r="B24" s="1133"/>
      <c r="C24" s="1134"/>
      <c r="D24" s="1061" t="s">
        <v>91</v>
      </c>
      <c r="E24" s="1062"/>
      <c r="F24" s="1063"/>
      <c r="G24" s="1064"/>
      <c r="H24" s="1065"/>
      <c r="I24" s="1065"/>
      <c r="J24" s="1065"/>
      <c r="K24" s="1065"/>
      <c r="L24" s="1065"/>
      <c r="M24" s="1065"/>
      <c r="N24" s="1066"/>
      <c r="O24" s="1067" t="str">
        <f>IF(G24="","",IFERROR(VLOOKUP(G24,製品リスト!$G$4:$I$1000,2,0),"SII登録型番を正しく入力してください"))</f>
        <v/>
      </c>
      <c r="P24" s="1068"/>
      <c r="Q24" s="1068"/>
      <c r="R24" s="1068"/>
      <c r="S24" s="1068"/>
      <c r="T24" s="1068"/>
      <c r="U24" s="1068"/>
      <c r="V24" s="1068"/>
      <c r="W24" s="1068"/>
      <c r="X24" s="1068"/>
      <c r="Y24" s="1069"/>
      <c r="Z24" s="1067" t="str">
        <f>IF(G24="","",IFERROR(VLOOKUP(G24,製品リスト!$G$4:$I$1000,3,0),"SII登録型番を正しく入力してください"))</f>
        <v/>
      </c>
      <c r="AA24" s="1068"/>
      <c r="AB24" s="1068"/>
      <c r="AC24" s="1068"/>
      <c r="AD24" s="1068"/>
      <c r="AE24" s="1068"/>
      <c r="AF24" s="1068"/>
      <c r="AG24" s="1068"/>
      <c r="AH24" s="1068"/>
      <c r="AI24" s="1068"/>
      <c r="AJ24" s="1068"/>
      <c r="AK24" s="1068"/>
      <c r="AL24" s="1068"/>
      <c r="AM24" s="1069"/>
      <c r="AN24" s="1061" t="str">
        <f>IF(G24="","",IFERROR(VLOOKUP(G24,製品リスト!$G$4:$J$1000,4,0),"SII登録型番を正しく入力してください"))</f>
        <v/>
      </c>
      <c r="AO24" s="1062"/>
      <c r="AP24" s="1063"/>
      <c r="AQ24" s="1070"/>
      <c r="AR24" s="1071"/>
      <c r="AS24" s="1072" t="str">
        <f t="shared" si="0"/>
        <v/>
      </c>
      <c r="AT24" s="1073"/>
      <c r="AU24" s="1074"/>
      <c r="AV24" s="1092"/>
      <c r="AW24" s="1093"/>
      <c r="AX24" s="1094"/>
      <c r="AY24" s="1057"/>
      <c r="AZ24" s="1058"/>
      <c r="BA24" s="1058"/>
      <c r="BB24" s="1058"/>
      <c r="BC24" s="1060"/>
      <c r="BD24" s="218"/>
      <c r="BE24" s="218"/>
      <c r="BF24" s="219">
        <v>16</v>
      </c>
      <c r="BG24" s="329"/>
    </row>
    <row r="25" spans="1:83" ht="29.25" customHeight="1" x14ac:dyDescent="0.2">
      <c r="A25" s="1132"/>
      <c r="B25" s="1133"/>
      <c r="C25" s="1134"/>
      <c r="D25" s="1075" t="s">
        <v>90</v>
      </c>
      <c r="E25" s="1076"/>
      <c r="F25" s="1077"/>
      <c r="G25" s="1078"/>
      <c r="H25" s="1079"/>
      <c r="I25" s="1079"/>
      <c r="J25" s="1079"/>
      <c r="K25" s="1079"/>
      <c r="L25" s="1079"/>
      <c r="M25" s="1079"/>
      <c r="N25" s="1080"/>
      <c r="O25" s="1081" t="str">
        <f>IF(G25="","",IFERROR(VLOOKUP(G25,製品リスト!$G$4:$I$1000,2,0),"SII登録型番を正しく入力してください"))</f>
        <v/>
      </c>
      <c r="P25" s="1082"/>
      <c r="Q25" s="1082"/>
      <c r="R25" s="1082"/>
      <c r="S25" s="1082"/>
      <c r="T25" s="1082"/>
      <c r="U25" s="1082"/>
      <c r="V25" s="1082"/>
      <c r="W25" s="1082"/>
      <c r="X25" s="1082"/>
      <c r="Y25" s="1083"/>
      <c r="Z25" s="1081" t="str">
        <f>IF(G25="","",IFERROR(VLOOKUP(G25,製品リスト!$G$4:$I$1000,3,0),"SII登録型番を正しく入力してください"))</f>
        <v/>
      </c>
      <c r="AA25" s="1082"/>
      <c r="AB25" s="1082"/>
      <c r="AC25" s="1082"/>
      <c r="AD25" s="1082"/>
      <c r="AE25" s="1082"/>
      <c r="AF25" s="1082"/>
      <c r="AG25" s="1082"/>
      <c r="AH25" s="1082"/>
      <c r="AI25" s="1082"/>
      <c r="AJ25" s="1082"/>
      <c r="AK25" s="1082"/>
      <c r="AL25" s="1082"/>
      <c r="AM25" s="1083"/>
      <c r="AN25" s="1075" t="str">
        <f>IF(G25="","",IFERROR(VLOOKUP(G25,製品リスト!$G$4:$J$1000,4,0),"SII登録型番を正しく入力してください"))</f>
        <v/>
      </c>
      <c r="AO25" s="1076"/>
      <c r="AP25" s="1077"/>
      <c r="AQ25" s="1084"/>
      <c r="AR25" s="1085"/>
      <c r="AS25" s="1086" t="str">
        <f t="shared" si="0"/>
        <v/>
      </c>
      <c r="AT25" s="1087"/>
      <c r="AU25" s="1088"/>
      <c r="AV25" s="1089" t="str">
        <f t="shared" ref="AV25" si="10">IF(AS25&lt;&gt;"",SUM(AS25:AU26),"")</f>
        <v/>
      </c>
      <c r="AW25" s="1090"/>
      <c r="AX25" s="1091"/>
      <c r="AY25" s="1055"/>
      <c r="AZ25" s="1056"/>
      <c r="BA25" s="1056"/>
      <c r="BB25" s="1056"/>
      <c r="BC25" s="1059" t="s">
        <v>13</v>
      </c>
      <c r="BD25" s="218"/>
      <c r="BE25" s="218"/>
      <c r="BF25" s="219">
        <v>17</v>
      </c>
      <c r="BG25" s="329"/>
    </row>
    <row r="26" spans="1:83" ht="29.25" customHeight="1" x14ac:dyDescent="0.2">
      <c r="A26" s="1132"/>
      <c r="B26" s="1133"/>
      <c r="C26" s="1134"/>
      <c r="D26" s="1061" t="s">
        <v>91</v>
      </c>
      <c r="E26" s="1062"/>
      <c r="F26" s="1063"/>
      <c r="G26" s="1064"/>
      <c r="H26" s="1065"/>
      <c r="I26" s="1065"/>
      <c r="J26" s="1065"/>
      <c r="K26" s="1065"/>
      <c r="L26" s="1065"/>
      <c r="M26" s="1065"/>
      <c r="N26" s="1066"/>
      <c r="O26" s="1067" t="str">
        <f>IF(G26="","",IFERROR(VLOOKUP(G26,製品リスト!$G$4:$I$1000,2,0),"SII登録型番を正しく入力してください"))</f>
        <v/>
      </c>
      <c r="P26" s="1068"/>
      <c r="Q26" s="1068"/>
      <c r="R26" s="1068"/>
      <c r="S26" s="1068"/>
      <c r="T26" s="1068"/>
      <c r="U26" s="1068"/>
      <c r="V26" s="1068"/>
      <c r="W26" s="1068"/>
      <c r="X26" s="1068"/>
      <c r="Y26" s="1069"/>
      <c r="Z26" s="1067" t="str">
        <f>IF(G26="","",IFERROR(VLOOKUP(G26,製品リスト!$G$4:$I$1000,3,0),"SII登録型番を正しく入力してください"))</f>
        <v/>
      </c>
      <c r="AA26" s="1068"/>
      <c r="AB26" s="1068"/>
      <c r="AC26" s="1068"/>
      <c r="AD26" s="1068"/>
      <c r="AE26" s="1068"/>
      <c r="AF26" s="1068"/>
      <c r="AG26" s="1068"/>
      <c r="AH26" s="1068"/>
      <c r="AI26" s="1068"/>
      <c r="AJ26" s="1068"/>
      <c r="AK26" s="1068"/>
      <c r="AL26" s="1068"/>
      <c r="AM26" s="1069"/>
      <c r="AN26" s="1061" t="str">
        <f>IF(G26="","",IFERROR(VLOOKUP(G26,製品リスト!$G$4:$J$1000,4,0),"SII登録型番を正しく入力してください"))</f>
        <v/>
      </c>
      <c r="AO26" s="1062"/>
      <c r="AP26" s="1063"/>
      <c r="AQ26" s="1070"/>
      <c r="AR26" s="1071"/>
      <c r="AS26" s="1072" t="str">
        <f t="shared" si="0"/>
        <v/>
      </c>
      <c r="AT26" s="1073"/>
      <c r="AU26" s="1074"/>
      <c r="AV26" s="1092"/>
      <c r="AW26" s="1093"/>
      <c r="AX26" s="1094"/>
      <c r="AY26" s="1057"/>
      <c r="AZ26" s="1058"/>
      <c r="BA26" s="1058"/>
      <c r="BB26" s="1058"/>
      <c r="BC26" s="1060"/>
      <c r="BD26" s="218"/>
      <c r="BE26" s="218"/>
      <c r="BF26" s="219">
        <v>18</v>
      </c>
      <c r="BG26" s="329"/>
    </row>
    <row r="27" spans="1:83" s="269" customFormat="1" ht="28.5" customHeight="1" x14ac:dyDescent="0.2">
      <c r="A27" s="1132"/>
      <c r="B27" s="1133"/>
      <c r="C27" s="1134"/>
      <c r="D27" s="1075" t="s">
        <v>90</v>
      </c>
      <c r="E27" s="1076"/>
      <c r="F27" s="1077"/>
      <c r="G27" s="1078"/>
      <c r="H27" s="1079"/>
      <c r="I27" s="1079"/>
      <c r="J27" s="1079"/>
      <c r="K27" s="1079"/>
      <c r="L27" s="1079"/>
      <c r="M27" s="1079"/>
      <c r="N27" s="1080"/>
      <c r="O27" s="1081" t="str">
        <f>IF(G27="","",IFERROR(VLOOKUP(G27,製品リスト!$G$4:$I$1000,2,0),"SII登録型番を正しく入力してください"))</f>
        <v/>
      </c>
      <c r="P27" s="1082"/>
      <c r="Q27" s="1082"/>
      <c r="R27" s="1082"/>
      <c r="S27" s="1082"/>
      <c r="T27" s="1082"/>
      <c r="U27" s="1082"/>
      <c r="V27" s="1082"/>
      <c r="W27" s="1082"/>
      <c r="X27" s="1082"/>
      <c r="Y27" s="1083"/>
      <c r="Z27" s="1081" t="str">
        <f>IF(G27="","",IFERROR(VLOOKUP(G27,製品リスト!$G$4:$I$1000,3,0),"SII登録型番を正しく入力してください"))</f>
        <v/>
      </c>
      <c r="AA27" s="1082"/>
      <c r="AB27" s="1082"/>
      <c r="AC27" s="1082"/>
      <c r="AD27" s="1082"/>
      <c r="AE27" s="1082"/>
      <c r="AF27" s="1082"/>
      <c r="AG27" s="1082"/>
      <c r="AH27" s="1082"/>
      <c r="AI27" s="1082"/>
      <c r="AJ27" s="1082"/>
      <c r="AK27" s="1082"/>
      <c r="AL27" s="1082"/>
      <c r="AM27" s="1083"/>
      <c r="AN27" s="1075" t="str">
        <f>IF(G27="","",IFERROR(VLOOKUP(G27,製品リスト!$G$4:$J$1000,4,0),"SII登録型番を正しく入力してください"))</f>
        <v/>
      </c>
      <c r="AO27" s="1076"/>
      <c r="AP27" s="1077"/>
      <c r="AQ27" s="1084"/>
      <c r="AR27" s="1085"/>
      <c r="AS27" s="1086" t="str">
        <f t="shared" si="0"/>
        <v/>
      </c>
      <c r="AT27" s="1087"/>
      <c r="AU27" s="1088"/>
      <c r="AV27" s="1089" t="str">
        <f t="shared" ref="AV27" si="11">IF(AS27&lt;&gt;"",SUM(AS27:AU28),"")</f>
        <v/>
      </c>
      <c r="AW27" s="1090"/>
      <c r="AX27" s="1091"/>
      <c r="AY27" s="1055"/>
      <c r="AZ27" s="1056"/>
      <c r="BA27" s="1056"/>
      <c r="BB27" s="1056"/>
      <c r="BC27" s="1059" t="s">
        <v>13</v>
      </c>
      <c r="BD27" s="218"/>
      <c r="BE27" s="218"/>
      <c r="BF27" s="219">
        <v>19</v>
      </c>
      <c r="BG27" s="329"/>
      <c r="BH27" s="1"/>
      <c r="BI27" s="1"/>
      <c r="BJ27" s="1"/>
      <c r="BK27" s="1"/>
      <c r="BL27" s="1"/>
      <c r="BM27" s="1"/>
      <c r="BN27" s="1"/>
      <c r="BO27" s="1"/>
      <c r="BP27" s="1"/>
      <c r="BQ27" s="1"/>
      <c r="BR27" s="1"/>
      <c r="BS27" s="1"/>
      <c r="BT27" s="1"/>
      <c r="BU27" s="1"/>
      <c r="BV27" s="1"/>
      <c r="BW27" s="1"/>
      <c r="BX27" s="1"/>
      <c r="BY27" s="1"/>
      <c r="BZ27" s="1"/>
      <c r="CA27" s="1"/>
      <c r="CB27" s="1"/>
      <c r="CC27" s="1"/>
      <c r="CD27" s="1"/>
      <c r="CE27" s="1"/>
    </row>
    <row r="28" spans="1:83" s="269" customFormat="1" ht="28.5" customHeight="1" thickBot="1" x14ac:dyDescent="0.25">
      <c r="A28" s="1135"/>
      <c r="B28" s="1136"/>
      <c r="C28" s="1137"/>
      <c r="D28" s="1096" t="s">
        <v>91</v>
      </c>
      <c r="E28" s="1097"/>
      <c r="F28" s="1098"/>
      <c r="G28" s="1115"/>
      <c r="H28" s="1116"/>
      <c r="I28" s="1116"/>
      <c r="J28" s="1116"/>
      <c r="K28" s="1116"/>
      <c r="L28" s="1116"/>
      <c r="M28" s="1116"/>
      <c r="N28" s="1117"/>
      <c r="O28" s="1104" t="str">
        <f>IF(G28="","",IFERROR(VLOOKUP(G28,製品リスト!$G$4:$I$1000,2,0),"SII登録型番を正しく入力してください"))</f>
        <v/>
      </c>
      <c r="P28" s="1105"/>
      <c r="Q28" s="1105"/>
      <c r="R28" s="1105"/>
      <c r="S28" s="1105"/>
      <c r="T28" s="1105"/>
      <c r="U28" s="1105"/>
      <c r="V28" s="1105"/>
      <c r="W28" s="1105"/>
      <c r="X28" s="1105"/>
      <c r="Y28" s="1106"/>
      <c r="Z28" s="1104" t="str">
        <f>IF(G28="","",IFERROR(VLOOKUP(G28,製品リスト!$G$4:$I$1000,3,0),"SII登録型番を正しく入力してください"))</f>
        <v/>
      </c>
      <c r="AA28" s="1105"/>
      <c r="AB28" s="1105"/>
      <c r="AC28" s="1105"/>
      <c r="AD28" s="1105"/>
      <c r="AE28" s="1105"/>
      <c r="AF28" s="1105"/>
      <c r="AG28" s="1105"/>
      <c r="AH28" s="1105"/>
      <c r="AI28" s="1105"/>
      <c r="AJ28" s="1105"/>
      <c r="AK28" s="1105"/>
      <c r="AL28" s="1105"/>
      <c r="AM28" s="1106"/>
      <c r="AN28" s="1096" t="str">
        <f>IF(G28="","",IFERROR(VLOOKUP(G28,製品リスト!$G$4:$J$1000,4,0),"SII登録型番を正しく入力してください"))</f>
        <v/>
      </c>
      <c r="AO28" s="1097"/>
      <c r="AP28" s="1098"/>
      <c r="AQ28" s="1110"/>
      <c r="AR28" s="1111"/>
      <c r="AS28" s="1107" t="str">
        <f t="shared" si="0"/>
        <v/>
      </c>
      <c r="AT28" s="1108"/>
      <c r="AU28" s="1109"/>
      <c r="AV28" s="1119"/>
      <c r="AW28" s="1120"/>
      <c r="AX28" s="1121"/>
      <c r="AY28" s="1122"/>
      <c r="AZ28" s="1123"/>
      <c r="BA28" s="1123"/>
      <c r="BB28" s="1123"/>
      <c r="BC28" s="1095"/>
      <c r="BD28" s="218"/>
      <c r="BE28" s="218"/>
      <c r="BF28" s="219">
        <v>20</v>
      </c>
      <c r="BG28" s="329"/>
      <c r="BH28" s="1"/>
      <c r="BI28" s="1"/>
      <c r="BJ28" s="1"/>
      <c r="BK28" s="1"/>
      <c r="BL28" s="1"/>
      <c r="BM28" s="1"/>
      <c r="BN28" s="1"/>
      <c r="BO28" s="1"/>
      <c r="BP28" s="1"/>
      <c r="BQ28" s="1"/>
      <c r="BR28" s="1"/>
      <c r="BS28" s="1"/>
      <c r="BT28" s="1"/>
      <c r="BU28" s="1"/>
      <c r="BV28" s="1"/>
      <c r="BW28" s="1"/>
      <c r="BX28" s="1"/>
      <c r="BY28" s="1"/>
      <c r="BZ28" s="1"/>
      <c r="CA28" s="1"/>
      <c r="CB28" s="1"/>
      <c r="CC28" s="1"/>
      <c r="CD28" s="1"/>
      <c r="CE28" s="1"/>
    </row>
    <row r="29" spans="1:83" ht="29.25" customHeight="1" x14ac:dyDescent="0.2">
      <c r="A29" s="1132" t="s">
        <v>74</v>
      </c>
      <c r="B29" s="1133"/>
      <c r="C29" s="1134"/>
      <c r="D29" s="1138" t="s">
        <v>90</v>
      </c>
      <c r="E29" s="1139"/>
      <c r="F29" s="1140"/>
      <c r="G29" s="1167"/>
      <c r="H29" s="1168"/>
      <c r="I29" s="1168"/>
      <c r="J29" s="1168"/>
      <c r="K29" s="1168"/>
      <c r="L29" s="1168"/>
      <c r="M29" s="1168"/>
      <c r="N29" s="1169"/>
      <c r="O29" s="1112" t="str">
        <f>IF(G29="","",IFERROR(VLOOKUP(G29,製品リスト!$G$4:$I$1000,2,0),"SII登録型番を正しく入力してください"))</f>
        <v/>
      </c>
      <c r="P29" s="1113"/>
      <c r="Q29" s="1113"/>
      <c r="R29" s="1113"/>
      <c r="S29" s="1113"/>
      <c r="T29" s="1113"/>
      <c r="U29" s="1113"/>
      <c r="V29" s="1113"/>
      <c r="W29" s="1113"/>
      <c r="X29" s="1113"/>
      <c r="Y29" s="1114"/>
      <c r="Z29" s="1112" t="str">
        <f>IF(G29="","",IFERROR(VLOOKUP(G29,製品リスト!$G$4:$I$1000,3,0),"SII登録型番を正しく入力してください"))</f>
        <v/>
      </c>
      <c r="AA29" s="1113"/>
      <c r="AB29" s="1113"/>
      <c r="AC29" s="1113"/>
      <c r="AD29" s="1113"/>
      <c r="AE29" s="1113"/>
      <c r="AF29" s="1113"/>
      <c r="AG29" s="1113"/>
      <c r="AH29" s="1113"/>
      <c r="AI29" s="1113"/>
      <c r="AJ29" s="1113"/>
      <c r="AK29" s="1113"/>
      <c r="AL29" s="1113"/>
      <c r="AM29" s="1114"/>
      <c r="AN29" s="1138" t="str">
        <f>IF(G29="","",IFERROR(VLOOKUP(G29,製品リスト!$G$4:$J$1000,4,0),"SII登録型番を正しく入力してください"))</f>
        <v/>
      </c>
      <c r="AO29" s="1139"/>
      <c r="AP29" s="1140"/>
      <c r="AQ29" s="1099"/>
      <c r="AR29" s="1100"/>
      <c r="AS29" s="1101" t="str">
        <f t="shared" si="0"/>
        <v/>
      </c>
      <c r="AT29" s="1102"/>
      <c r="AU29" s="1103"/>
      <c r="AV29" s="1124" t="str">
        <f t="shared" ref="AV29" si="12">IF(AS29&lt;&gt;"",SUM(AS29:AU30),"")</f>
        <v/>
      </c>
      <c r="AW29" s="1125"/>
      <c r="AX29" s="1126"/>
      <c r="AY29" s="1127"/>
      <c r="AZ29" s="1128"/>
      <c r="BA29" s="1128"/>
      <c r="BB29" s="1128"/>
      <c r="BC29" s="1118" t="s">
        <v>13</v>
      </c>
      <c r="BD29" s="218"/>
      <c r="BE29" s="218"/>
      <c r="BF29" s="219">
        <v>21</v>
      </c>
      <c r="BG29" s="329"/>
    </row>
    <row r="30" spans="1:83" s="269" customFormat="1" ht="28.5" customHeight="1" x14ac:dyDescent="0.2">
      <c r="A30" s="1132"/>
      <c r="B30" s="1133"/>
      <c r="C30" s="1134"/>
      <c r="D30" s="1061" t="s">
        <v>91</v>
      </c>
      <c r="E30" s="1062"/>
      <c r="F30" s="1063"/>
      <c r="G30" s="1064"/>
      <c r="H30" s="1065"/>
      <c r="I30" s="1065"/>
      <c r="J30" s="1065"/>
      <c r="K30" s="1065"/>
      <c r="L30" s="1065"/>
      <c r="M30" s="1065"/>
      <c r="N30" s="1066"/>
      <c r="O30" s="1067" t="str">
        <f>IF(G30="","",IFERROR(VLOOKUP(G30,製品リスト!$G$4:$I$1000,2,0),"SII登録型番を正しく入力してください"))</f>
        <v/>
      </c>
      <c r="P30" s="1068"/>
      <c r="Q30" s="1068"/>
      <c r="R30" s="1068"/>
      <c r="S30" s="1068"/>
      <c r="T30" s="1068"/>
      <c r="U30" s="1068"/>
      <c r="V30" s="1068"/>
      <c r="W30" s="1068"/>
      <c r="X30" s="1068"/>
      <c r="Y30" s="1069"/>
      <c r="Z30" s="1067" t="str">
        <f>IF(G30="","",IFERROR(VLOOKUP(G30,製品リスト!$G$4:$I$1000,3,0),"SII登録型番を正しく入力してください"))</f>
        <v/>
      </c>
      <c r="AA30" s="1068"/>
      <c r="AB30" s="1068"/>
      <c r="AC30" s="1068"/>
      <c r="AD30" s="1068"/>
      <c r="AE30" s="1068"/>
      <c r="AF30" s="1068"/>
      <c r="AG30" s="1068"/>
      <c r="AH30" s="1068"/>
      <c r="AI30" s="1068"/>
      <c r="AJ30" s="1068"/>
      <c r="AK30" s="1068"/>
      <c r="AL30" s="1068"/>
      <c r="AM30" s="1069"/>
      <c r="AN30" s="1061" t="str">
        <f>IF(G30="","",IFERROR(VLOOKUP(G30,製品リスト!$G$4:$J$1000,4,0),"SII登録型番を正しく入力してください"))</f>
        <v/>
      </c>
      <c r="AO30" s="1062"/>
      <c r="AP30" s="1063"/>
      <c r="AQ30" s="1070"/>
      <c r="AR30" s="1071"/>
      <c r="AS30" s="1072" t="str">
        <f t="shared" si="0"/>
        <v/>
      </c>
      <c r="AT30" s="1073"/>
      <c r="AU30" s="1074"/>
      <c r="AV30" s="1092"/>
      <c r="AW30" s="1093"/>
      <c r="AX30" s="1094"/>
      <c r="AY30" s="1057"/>
      <c r="AZ30" s="1058"/>
      <c r="BA30" s="1058"/>
      <c r="BB30" s="1058"/>
      <c r="BC30" s="1060"/>
      <c r="BD30" s="218"/>
      <c r="BE30" s="218"/>
      <c r="BF30" s="219">
        <v>22</v>
      </c>
      <c r="BG30" s="329"/>
      <c r="BH30" s="1"/>
      <c r="BI30" s="1"/>
      <c r="BJ30" s="1"/>
      <c r="BK30" s="1"/>
      <c r="BL30" s="1"/>
      <c r="BM30" s="1"/>
      <c r="BN30" s="1"/>
      <c r="BO30" s="1"/>
      <c r="BP30" s="1"/>
      <c r="BQ30" s="1"/>
      <c r="BR30" s="1"/>
      <c r="BS30" s="1"/>
      <c r="BT30" s="1"/>
      <c r="BU30" s="1"/>
      <c r="BV30" s="1"/>
      <c r="BW30" s="1"/>
      <c r="BX30" s="1"/>
      <c r="BY30" s="1"/>
      <c r="BZ30" s="1"/>
      <c r="CA30" s="1"/>
      <c r="CB30" s="1"/>
      <c r="CC30" s="1"/>
      <c r="CD30" s="1"/>
      <c r="CE30" s="1"/>
    </row>
    <row r="31" spans="1:83" s="269" customFormat="1" ht="28.5" customHeight="1" x14ac:dyDescent="0.2">
      <c r="A31" s="1132"/>
      <c r="B31" s="1133"/>
      <c r="C31" s="1134"/>
      <c r="D31" s="1075" t="s">
        <v>90</v>
      </c>
      <c r="E31" s="1076"/>
      <c r="F31" s="1077"/>
      <c r="G31" s="1078"/>
      <c r="H31" s="1079"/>
      <c r="I31" s="1079"/>
      <c r="J31" s="1079"/>
      <c r="K31" s="1079"/>
      <c r="L31" s="1079"/>
      <c r="M31" s="1079"/>
      <c r="N31" s="1080"/>
      <c r="O31" s="1081" t="str">
        <f>IF(G31="","",IFERROR(VLOOKUP(G31,製品リスト!$G$4:$I$1000,2,0),"SII登録型番を正しく入力してください"))</f>
        <v/>
      </c>
      <c r="P31" s="1082"/>
      <c r="Q31" s="1082"/>
      <c r="R31" s="1082"/>
      <c r="S31" s="1082"/>
      <c r="T31" s="1082"/>
      <c r="U31" s="1082"/>
      <c r="V31" s="1082"/>
      <c r="W31" s="1082"/>
      <c r="X31" s="1082"/>
      <c r="Y31" s="1083"/>
      <c r="Z31" s="1081" t="str">
        <f>IF(G31="","",IFERROR(VLOOKUP(G31,製品リスト!$G$4:$I$1000,3,0),"SII登録型番を正しく入力してください"))</f>
        <v/>
      </c>
      <c r="AA31" s="1082"/>
      <c r="AB31" s="1082"/>
      <c r="AC31" s="1082"/>
      <c r="AD31" s="1082"/>
      <c r="AE31" s="1082"/>
      <c r="AF31" s="1082"/>
      <c r="AG31" s="1082"/>
      <c r="AH31" s="1082"/>
      <c r="AI31" s="1082"/>
      <c r="AJ31" s="1082"/>
      <c r="AK31" s="1082"/>
      <c r="AL31" s="1082"/>
      <c r="AM31" s="1083"/>
      <c r="AN31" s="1075" t="str">
        <f>IF(G31="","",IFERROR(VLOOKUP(G31,製品リスト!$G$4:$J$1000,4,0),"SII登録型番を正しく入力してください"))</f>
        <v/>
      </c>
      <c r="AO31" s="1076"/>
      <c r="AP31" s="1077"/>
      <c r="AQ31" s="1084"/>
      <c r="AR31" s="1085"/>
      <c r="AS31" s="1086" t="str">
        <f t="shared" si="0"/>
        <v/>
      </c>
      <c r="AT31" s="1087"/>
      <c r="AU31" s="1088"/>
      <c r="AV31" s="1089" t="str">
        <f t="shared" ref="AV31" si="13">IF(AS31&lt;&gt;"",SUM(AS31:AU32),"")</f>
        <v/>
      </c>
      <c r="AW31" s="1090"/>
      <c r="AX31" s="1091"/>
      <c r="AY31" s="1055"/>
      <c r="AZ31" s="1056"/>
      <c r="BA31" s="1056"/>
      <c r="BB31" s="1056"/>
      <c r="BC31" s="1059" t="s">
        <v>13</v>
      </c>
      <c r="BD31" s="218"/>
      <c r="BE31" s="218"/>
      <c r="BF31" s="219">
        <v>23</v>
      </c>
      <c r="BG31" s="329"/>
      <c r="BH31" s="1"/>
      <c r="BI31" s="1"/>
      <c r="BJ31" s="1"/>
      <c r="BK31" s="1"/>
      <c r="BL31" s="1"/>
      <c r="BM31" s="1"/>
      <c r="BN31" s="1"/>
      <c r="BO31" s="1"/>
      <c r="BP31" s="1"/>
      <c r="BQ31" s="1"/>
      <c r="BR31" s="1"/>
      <c r="BS31" s="1"/>
      <c r="BT31" s="1"/>
      <c r="BU31" s="1"/>
      <c r="BV31" s="1"/>
      <c r="BW31" s="1"/>
      <c r="BX31" s="1"/>
      <c r="BY31" s="1"/>
      <c r="BZ31" s="1"/>
      <c r="CA31" s="1"/>
      <c r="CB31" s="1"/>
      <c r="CC31" s="1"/>
      <c r="CD31" s="1"/>
      <c r="CE31" s="1"/>
    </row>
    <row r="32" spans="1:83" s="269" customFormat="1" ht="28.5" customHeight="1" x14ac:dyDescent="0.2">
      <c r="A32" s="1132"/>
      <c r="B32" s="1133"/>
      <c r="C32" s="1134"/>
      <c r="D32" s="1061" t="s">
        <v>91</v>
      </c>
      <c r="E32" s="1062"/>
      <c r="F32" s="1063"/>
      <c r="G32" s="1064"/>
      <c r="H32" s="1065"/>
      <c r="I32" s="1065"/>
      <c r="J32" s="1065"/>
      <c r="K32" s="1065"/>
      <c r="L32" s="1065"/>
      <c r="M32" s="1065"/>
      <c r="N32" s="1066"/>
      <c r="O32" s="1067" t="str">
        <f>IF(G32="","",IFERROR(VLOOKUP(G32,製品リスト!$G$4:$I$1000,2,0),"SII登録型番を正しく入力してください"))</f>
        <v/>
      </c>
      <c r="P32" s="1068"/>
      <c r="Q32" s="1068"/>
      <c r="R32" s="1068"/>
      <c r="S32" s="1068"/>
      <c r="T32" s="1068"/>
      <c r="U32" s="1068"/>
      <c r="V32" s="1068"/>
      <c r="W32" s="1068"/>
      <c r="X32" s="1068"/>
      <c r="Y32" s="1069"/>
      <c r="Z32" s="1067" t="str">
        <f>IF(G32="","",IFERROR(VLOOKUP(G32,製品リスト!$G$4:$I$1000,3,0),"SII登録型番を正しく入力してください"))</f>
        <v/>
      </c>
      <c r="AA32" s="1068"/>
      <c r="AB32" s="1068"/>
      <c r="AC32" s="1068"/>
      <c r="AD32" s="1068"/>
      <c r="AE32" s="1068"/>
      <c r="AF32" s="1068"/>
      <c r="AG32" s="1068"/>
      <c r="AH32" s="1068"/>
      <c r="AI32" s="1068"/>
      <c r="AJ32" s="1068"/>
      <c r="AK32" s="1068"/>
      <c r="AL32" s="1068"/>
      <c r="AM32" s="1069"/>
      <c r="AN32" s="1061" t="str">
        <f>IF(G32="","",IFERROR(VLOOKUP(G32,製品リスト!$G$4:$J$1000,4,0),"SII登録型番を正しく入力してください"))</f>
        <v/>
      </c>
      <c r="AO32" s="1062"/>
      <c r="AP32" s="1063"/>
      <c r="AQ32" s="1070"/>
      <c r="AR32" s="1071"/>
      <c r="AS32" s="1072" t="str">
        <f t="shared" si="0"/>
        <v/>
      </c>
      <c r="AT32" s="1073"/>
      <c r="AU32" s="1074"/>
      <c r="AV32" s="1092"/>
      <c r="AW32" s="1093"/>
      <c r="AX32" s="1094"/>
      <c r="AY32" s="1057"/>
      <c r="AZ32" s="1058"/>
      <c r="BA32" s="1058"/>
      <c r="BB32" s="1058"/>
      <c r="BC32" s="1060"/>
      <c r="BD32" s="218"/>
      <c r="BE32" s="218"/>
      <c r="BF32" s="219">
        <v>24</v>
      </c>
      <c r="BG32" s="329"/>
      <c r="BH32" s="1"/>
      <c r="BI32" s="1"/>
      <c r="BJ32" s="1"/>
      <c r="BK32" s="1"/>
      <c r="BL32" s="1"/>
      <c r="BM32" s="1"/>
      <c r="BN32" s="1"/>
      <c r="BO32" s="1"/>
      <c r="BP32" s="1"/>
      <c r="BQ32" s="1"/>
      <c r="BR32" s="1"/>
      <c r="BS32" s="1"/>
      <c r="BT32" s="1"/>
      <c r="BU32" s="1"/>
      <c r="BV32" s="1"/>
      <c r="BW32" s="1"/>
      <c r="BX32" s="1"/>
      <c r="BY32" s="1"/>
      <c r="BZ32" s="1"/>
      <c r="CA32" s="1"/>
      <c r="CB32" s="1"/>
      <c r="CC32" s="1"/>
      <c r="CD32" s="1"/>
      <c r="CE32" s="1"/>
    </row>
    <row r="33" spans="1:83" s="269" customFormat="1" ht="28.5" customHeight="1" x14ac:dyDescent="0.2">
      <c r="A33" s="1132"/>
      <c r="B33" s="1133"/>
      <c r="C33" s="1134"/>
      <c r="D33" s="1075" t="s">
        <v>90</v>
      </c>
      <c r="E33" s="1076"/>
      <c r="F33" s="1077"/>
      <c r="G33" s="1078"/>
      <c r="H33" s="1079"/>
      <c r="I33" s="1079"/>
      <c r="J33" s="1079"/>
      <c r="K33" s="1079"/>
      <c r="L33" s="1079"/>
      <c r="M33" s="1079"/>
      <c r="N33" s="1080"/>
      <c r="O33" s="1081" t="str">
        <f>IF(G33="","",IFERROR(VLOOKUP(G33,製品リスト!$G$4:$I$1000,2,0),"SII登録型番を正しく入力してください"))</f>
        <v/>
      </c>
      <c r="P33" s="1082"/>
      <c r="Q33" s="1082"/>
      <c r="R33" s="1082"/>
      <c r="S33" s="1082"/>
      <c r="T33" s="1082"/>
      <c r="U33" s="1082"/>
      <c r="V33" s="1082"/>
      <c r="W33" s="1082"/>
      <c r="X33" s="1082"/>
      <c r="Y33" s="1083"/>
      <c r="Z33" s="1081" t="str">
        <f>IF(G33="","",IFERROR(VLOOKUP(G33,製品リスト!$G$4:$I$1000,3,0),"SII登録型番を正しく入力してください"))</f>
        <v/>
      </c>
      <c r="AA33" s="1082"/>
      <c r="AB33" s="1082"/>
      <c r="AC33" s="1082"/>
      <c r="AD33" s="1082"/>
      <c r="AE33" s="1082"/>
      <c r="AF33" s="1082"/>
      <c r="AG33" s="1082"/>
      <c r="AH33" s="1082"/>
      <c r="AI33" s="1082"/>
      <c r="AJ33" s="1082"/>
      <c r="AK33" s="1082"/>
      <c r="AL33" s="1082"/>
      <c r="AM33" s="1083"/>
      <c r="AN33" s="1075" t="str">
        <f>IF(G33="","",IFERROR(VLOOKUP(G33,製品リスト!$G$4:$J$1000,4,0),"SII登録型番を正しく入力してください"))</f>
        <v/>
      </c>
      <c r="AO33" s="1076"/>
      <c r="AP33" s="1077"/>
      <c r="AQ33" s="1084"/>
      <c r="AR33" s="1085"/>
      <c r="AS33" s="1086" t="str">
        <f t="shared" si="0"/>
        <v/>
      </c>
      <c r="AT33" s="1087"/>
      <c r="AU33" s="1088"/>
      <c r="AV33" s="1089" t="str">
        <f t="shared" ref="AV33" si="14">IF(AS33&lt;&gt;"",SUM(AS33:AU34),"")</f>
        <v/>
      </c>
      <c r="AW33" s="1090"/>
      <c r="AX33" s="1091"/>
      <c r="AY33" s="1055"/>
      <c r="AZ33" s="1056"/>
      <c r="BA33" s="1056"/>
      <c r="BB33" s="1056"/>
      <c r="BC33" s="1059" t="s">
        <v>13</v>
      </c>
      <c r="BD33" s="218"/>
      <c r="BE33" s="218"/>
      <c r="BF33" s="219">
        <v>25</v>
      </c>
      <c r="BG33" s="329"/>
      <c r="BH33" s="1"/>
      <c r="BI33" s="1"/>
      <c r="BJ33" s="1"/>
      <c r="BK33" s="1"/>
      <c r="BL33" s="1"/>
      <c r="BM33" s="1"/>
      <c r="BN33" s="1"/>
      <c r="BO33" s="1"/>
      <c r="BP33" s="1"/>
      <c r="BQ33" s="1"/>
      <c r="BR33" s="1"/>
      <c r="BS33" s="1"/>
      <c r="BT33" s="1"/>
      <c r="BU33" s="1"/>
      <c r="BV33" s="1"/>
      <c r="BW33" s="1"/>
      <c r="BX33" s="1"/>
      <c r="BY33" s="1"/>
      <c r="BZ33" s="1"/>
      <c r="CA33" s="1"/>
      <c r="CB33" s="1"/>
      <c r="CC33" s="1"/>
      <c r="CD33" s="1"/>
      <c r="CE33" s="1"/>
    </row>
    <row r="34" spans="1:83" s="269" customFormat="1" ht="28.5" customHeight="1" x14ac:dyDescent="0.2">
      <c r="A34" s="1132"/>
      <c r="B34" s="1133"/>
      <c r="C34" s="1134"/>
      <c r="D34" s="1061" t="s">
        <v>91</v>
      </c>
      <c r="E34" s="1062"/>
      <c r="F34" s="1063"/>
      <c r="G34" s="1064"/>
      <c r="H34" s="1065"/>
      <c r="I34" s="1065"/>
      <c r="J34" s="1065"/>
      <c r="K34" s="1065"/>
      <c r="L34" s="1065"/>
      <c r="M34" s="1065"/>
      <c r="N34" s="1066"/>
      <c r="O34" s="1067" t="str">
        <f>IF(G34="","",IFERROR(VLOOKUP(G34,製品リスト!$G$4:$I$1000,2,0),"SII登録型番を正しく入力してください"))</f>
        <v/>
      </c>
      <c r="P34" s="1068"/>
      <c r="Q34" s="1068"/>
      <c r="R34" s="1068"/>
      <c r="S34" s="1068"/>
      <c r="T34" s="1068"/>
      <c r="U34" s="1068"/>
      <c r="V34" s="1068"/>
      <c r="W34" s="1068"/>
      <c r="X34" s="1068"/>
      <c r="Y34" s="1069"/>
      <c r="Z34" s="1067" t="str">
        <f>IF(G34="","",IFERROR(VLOOKUP(G34,製品リスト!$G$4:$I$1000,3,0),"SII登録型番を正しく入力してください"))</f>
        <v/>
      </c>
      <c r="AA34" s="1068"/>
      <c r="AB34" s="1068"/>
      <c r="AC34" s="1068"/>
      <c r="AD34" s="1068"/>
      <c r="AE34" s="1068"/>
      <c r="AF34" s="1068"/>
      <c r="AG34" s="1068"/>
      <c r="AH34" s="1068"/>
      <c r="AI34" s="1068"/>
      <c r="AJ34" s="1068"/>
      <c r="AK34" s="1068"/>
      <c r="AL34" s="1068"/>
      <c r="AM34" s="1069"/>
      <c r="AN34" s="1061" t="str">
        <f>IF(G34="","",IFERROR(VLOOKUP(G34,製品リスト!$G$4:$J$1000,4,0),"SII登録型番を正しく入力してください"))</f>
        <v/>
      </c>
      <c r="AO34" s="1062"/>
      <c r="AP34" s="1063"/>
      <c r="AQ34" s="1070"/>
      <c r="AR34" s="1071"/>
      <c r="AS34" s="1072" t="str">
        <f t="shared" si="0"/>
        <v/>
      </c>
      <c r="AT34" s="1073"/>
      <c r="AU34" s="1074"/>
      <c r="AV34" s="1092"/>
      <c r="AW34" s="1093"/>
      <c r="AX34" s="1094"/>
      <c r="AY34" s="1057"/>
      <c r="AZ34" s="1058"/>
      <c r="BA34" s="1058"/>
      <c r="BB34" s="1058"/>
      <c r="BC34" s="1060"/>
      <c r="BD34" s="218"/>
      <c r="BE34" s="218"/>
      <c r="BF34" s="219">
        <v>26</v>
      </c>
      <c r="BG34" s="329"/>
      <c r="BH34" s="1"/>
      <c r="BI34" s="1"/>
      <c r="BJ34" s="1"/>
      <c r="BK34" s="1"/>
      <c r="BL34" s="1"/>
      <c r="BM34" s="1"/>
      <c r="BN34" s="1"/>
      <c r="BO34" s="1"/>
      <c r="BP34" s="1"/>
      <c r="BQ34" s="1"/>
      <c r="BR34" s="1"/>
      <c r="BS34" s="1"/>
      <c r="BT34" s="1"/>
      <c r="BU34" s="1"/>
      <c r="BV34" s="1"/>
      <c r="BW34" s="1"/>
      <c r="BX34" s="1"/>
      <c r="BY34" s="1"/>
      <c r="BZ34" s="1"/>
      <c r="CA34" s="1"/>
      <c r="CB34" s="1"/>
      <c r="CC34" s="1"/>
      <c r="CD34" s="1"/>
      <c r="CE34" s="1"/>
    </row>
    <row r="35" spans="1:83" s="269" customFormat="1" ht="28.5" customHeight="1" x14ac:dyDescent="0.2">
      <c r="A35" s="1132"/>
      <c r="B35" s="1133"/>
      <c r="C35" s="1134"/>
      <c r="D35" s="1075" t="s">
        <v>90</v>
      </c>
      <c r="E35" s="1076"/>
      <c r="F35" s="1077"/>
      <c r="G35" s="1078"/>
      <c r="H35" s="1079"/>
      <c r="I35" s="1079"/>
      <c r="J35" s="1079"/>
      <c r="K35" s="1079"/>
      <c r="L35" s="1079"/>
      <c r="M35" s="1079"/>
      <c r="N35" s="1080"/>
      <c r="O35" s="1081" t="str">
        <f>IF(G35="","",IFERROR(VLOOKUP(G35,製品リスト!$G$4:$I$1000,2,0),"SII登録型番を正しく入力してください"))</f>
        <v/>
      </c>
      <c r="P35" s="1082"/>
      <c r="Q35" s="1082"/>
      <c r="R35" s="1082"/>
      <c r="S35" s="1082"/>
      <c r="T35" s="1082"/>
      <c r="U35" s="1082"/>
      <c r="V35" s="1082"/>
      <c r="W35" s="1082"/>
      <c r="X35" s="1082"/>
      <c r="Y35" s="1083"/>
      <c r="Z35" s="1081" t="str">
        <f>IF(G35="","",IFERROR(VLOOKUP(G35,製品リスト!$G$4:$I$1000,3,0),"SII登録型番を正しく入力してください"))</f>
        <v/>
      </c>
      <c r="AA35" s="1082"/>
      <c r="AB35" s="1082"/>
      <c r="AC35" s="1082"/>
      <c r="AD35" s="1082"/>
      <c r="AE35" s="1082"/>
      <c r="AF35" s="1082"/>
      <c r="AG35" s="1082"/>
      <c r="AH35" s="1082"/>
      <c r="AI35" s="1082"/>
      <c r="AJ35" s="1082"/>
      <c r="AK35" s="1082"/>
      <c r="AL35" s="1082"/>
      <c r="AM35" s="1083"/>
      <c r="AN35" s="1075" t="str">
        <f>IF(G35="","",IFERROR(VLOOKUP(G35,製品リスト!$G$4:$J$1000,4,0),"SII登録型番を正しく入力してください"))</f>
        <v/>
      </c>
      <c r="AO35" s="1076"/>
      <c r="AP35" s="1077"/>
      <c r="AQ35" s="1084"/>
      <c r="AR35" s="1085"/>
      <c r="AS35" s="1086" t="str">
        <f t="shared" ref="AS35:AS36" si="15">IF(AND(AN35&lt;&gt;"",AQ35&lt;&gt;""),ROUNDDOWN(((AQ35/AN35)/1000),1),"")</f>
        <v/>
      </c>
      <c r="AT35" s="1087"/>
      <c r="AU35" s="1088"/>
      <c r="AV35" s="1089" t="str">
        <f t="shared" ref="AV35" si="16">IF(AS35&lt;&gt;"",SUM(AS35:AU36),"")</f>
        <v/>
      </c>
      <c r="AW35" s="1090"/>
      <c r="AX35" s="1091"/>
      <c r="AY35" s="1055"/>
      <c r="AZ35" s="1056"/>
      <c r="BA35" s="1056"/>
      <c r="BB35" s="1056"/>
      <c r="BC35" s="1059" t="s">
        <v>13</v>
      </c>
      <c r="BD35" s="218"/>
      <c r="BE35" s="218"/>
      <c r="BF35" s="219">
        <v>27</v>
      </c>
      <c r="BG35" s="329"/>
      <c r="BH35" s="1"/>
      <c r="BI35" s="1"/>
      <c r="BJ35" s="1"/>
      <c r="BK35" s="1"/>
      <c r="BL35" s="1"/>
      <c r="BM35" s="1"/>
      <c r="BN35" s="1"/>
      <c r="BO35" s="1"/>
      <c r="BP35" s="1"/>
      <c r="BQ35" s="1"/>
      <c r="BR35" s="1"/>
      <c r="BS35" s="1"/>
      <c r="BT35" s="1"/>
      <c r="BU35" s="1"/>
      <c r="BV35" s="1"/>
      <c r="BW35" s="1"/>
      <c r="BX35" s="1"/>
      <c r="BY35" s="1"/>
      <c r="BZ35" s="1"/>
      <c r="CA35" s="1"/>
      <c r="CB35" s="1"/>
      <c r="CC35" s="1"/>
      <c r="CD35" s="1"/>
      <c r="CE35" s="1"/>
    </row>
    <row r="36" spans="1:83" s="269" customFormat="1" ht="28.5" customHeight="1" x14ac:dyDescent="0.2">
      <c r="A36" s="1132"/>
      <c r="B36" s="1133"/>
      <c r="C36" s="1134"/>
      <c r="D36" s="1061" t="s">
        <v>91</v>
      </c>
      <c r="E36" s="1062"/>
      <c r="F36" s="1063"/>
      <c r="G36" s="1064"/>
      <c r="H36" s="1065"/>
      <c r="I36" s="1065"/>
      <c r="J36" s="1065"/>
      <c r="K36" s="1065"/>
      <c r="L36" s="1065"/>
      <c r="M36" s="1065"/>
      <c r="N36" s="1066"/>
      <c r="O36" s="1067" t="str">
        <f>IF(G36="","",IFERROR(VLOOKUP(G36,製品リスト!$G$4:$I$1000,2,0),"SII登録型番を正しく入力してください"))</f>
        <v/>
      </c>
      <c r="P36" s="1068"/>
      <c r="Q36" s="1068"/>
      <c r="R36" s="1068"/>
      <c r="S36" s="1068"/>
      <c r="T36" s="1068"/>
      <c r="U36" s="1068"/>
      <c r="V36" s="1068"/>
      <c r="W36" s="1068"/>
      <c r="X36" s="1068"/>
      <c r="Y36" s="1069"/>
      <c r="Z36" s="1067" t="str">
        <f>IF(G36="","",IFERROR(VLOOKUP(G36,製品リスト!$G$4:$I$1000,3,0),"SII登録型番を正しく入力してください"))</f>
        <v/>
      </c>
      <c r="AA36" s="1068"/>
      <c r="AB36" s="1068"/>
      <c r="AC36" s="1068"/>
      <c r="AD36" s="1068"/>
      <c r="AE36" s="1068"/>
      <c r="AF36" s="1068"/>
      <c r="AG36" s="1068"/>
      <c r="AH36" s="1068"/>
      <c r="AI36" s="1068"/>
      <c r="AJ36" s="1068"/>
      <c r="AK36" s="1068"/>
      <c r="AL36" s="1068"/>
      <c r="AM36" s="1069"/>
      <c r="AN36" s="1061" t="str">
        <f>IF(G36="","",IFERROR(VLOOKUP(G36,製品リスト!$G$4:$J$1000,4,0),"SII登録型番を正しく入力してください"))</f>
        <v/>
      </c>
      <c r="AO36" s="1062"/>
      <c r="AP36" s="1063"/>
      <c r="AQ36" s="1070"/>
      <c r="AR36" s="1071"/>
      <c r="AS36" s="1072" t="str">
        <f t="shared" si="15"/>
        <v/>
      </c>
      <c r="AT36" s="1073"/>
      <c r="AU36" s="1074"/>
      <c r="AV36" s="1092"/>
      <c r="AW36" s="1093"/>
      <c r="AX36" s="1094"/>
      <c r="AY36" s="1057"/>
      <c r="AZ36" s="1058"/>
      <c r="BA36" s="1058"/>
      <c r="BB36" s="1058"/>
      <c r="BC36" s="1060"/>
      <c r="BD36" s="218"/>
      <c r="BE36" s="218"/>
      <c r="BF36" s="219">
        <v>28</v>
      </c>
      <c r="BG36" s="329"/>
      <c r="BH36" s="1"/>
      <c r="BI36" s="1"/>
      <c r="BJ36" s="1"/>
      <c r="BK36" s="1"/>
      <c r="BL36" s="1"/>
      <c r="BM36" s="1"/>
      <c r="BN36" s="1"/>
      <c r="BO36" s="1"/>
      <c r="BP36" s="1"/>
      <c r="BQ36" s="1"/>
      <c r="BR36" s="1"/>
      <c r="BS36" s="1"/>
      <c r="BT36" s="1"/>
      <c r="BU36" s="1"/>
      <c r="BV36" s="1"/>
      <c r="BW36" s="1"/>
      <c r="BX36" s="1"/>
      <c r="BY36" s="1"/>
      <c r="BZ36" s="1"/>
      <c r="CA36" s="1"/>
      <c r="CB36" s="1"/>
      <c r="CC36" s="1"/>
      <c r="CD36" s="1"/>
      <c r="CE36" s="1"/>
    </row>
    <row r="37" spans="1:83" s="269" customFormat="1" ht="28.5" customHeight="1" x14ac:dyDescent="0.2">
      <c r="A37" s="1132"/>
      <c r="B37" s="1133"/>
      <c r="C37" s="1134"/>
      <c r="D37" s="1075" t="s">
        <v>90</v>
      </c>
      <c r="E37" s="1076"/>
      <c r="F37" s="1077"/>
      <c r="G37" s="1078"/>
      <c r="H37" s="1079"/>
      <c r="I37" s="1079"/>
      <c r="J37" s="1079"/>
      <c r="K37" s="1079"/>
      <c r="L37" s="1079"/>
      <c r="M37" s="1079"/>
      <c r="N37" s="1080"/>
      <c r="O37" s="1081" t="str">
        <f>IF(G37="","",IFERROR(VLOOKUP(G37,製品リスト!$G$4:$I$1000,2,0),"SII登録型番を正しく入力してください"))</f>
        <v/>
      </c>
      <c r="P37" s="1082"/>
      <c r="Q37" s="1082"/>
      <c r="R37" s="1082"/>
      <c r="S37" s="1082"/>
      <c r="T37" s="1082"/>
      <c r="U37" s="1082"/>
      <c r="V37" s="1082"/>
      <c r="W37" s="1082"/>
      <c r="X37" s="1082"/>
      <c r="Y37" s="1083"/>
      <c r="Z37" s="1081" t="str">
        <f>IF(G37="","",IFERROR(VLOOKUP(G37,製品リスト!$G$4:$I$1000,3,0),"SII登録型番を正しく入力してください"))</f>
        <v/>
      </c>
      <c r="AA37" s="1082"/>
      <c r="AB37" s="1082"/>
      <c r="AC37" s="1082"/>
      <c r="AD37" s="1082"/>
      <c r="AE37" s="1082"/>
      <c r="AF37" s="1082"/>
      <c r="AG37" s="1082"/>
      <c r="AH37" s="1082"/>
      <c r="AI37" s="1082"/>
      <c r="AJ37" s="1082"/>
      <c r="AK37" s="1082"/>
      <c r="AL37" s="1082"/>
      <c r="AM37" s="1083"/>
      <c r="AN37" s="1075" t="str">
        <f>IF(G37="","",IFERROR(VLOOKUP(G37,製品リスト!$G$4:$J$1000,4,0),"SII登録型番を正しく入力してください"))</f>
        <v/>
      </c>
      <c r="AO37" s="1076"/>
      <c r="AP37" s="1077"/>
      <c r="AQ37" s="1084"/>
      <c r="AR37" s="1085"/>
      <c r="AS37" s="1086" t="str">
        <f t="shared" ref="AS37:AS40" si="17">IF(AND(AN37&lt;&gt;"",AQ37&lt;&gt;""),ROUNDDOWN(((AQ37/AN37)/1000),1),"")</f>
        <v/>
      </c>
      <c r="AT37" s="1087"/>
      <c r="AU37" s="1088"/>
      <c r="AV37" s="1089" t="str">
        <f t="shared" ref="AV37" si="18">IF(AS37&lt;&gt;"",SUM(AS37:AU38),"")</f>
        <v/>
      </c>
      <c r="AW37" s="1090"/>
      <c r="AX37" s="1091"/>
      <c r="AY37" s="1055"/>
      <c r="AZ37" s="1056"/>
      <c r="BA37" s="1056"/>
      <c r="BB37" s="1056"/>
      <c r="BC37" s="1059" t="s">
        <v>13</v>
      </c>
      <c r="BD37" s="218"/>
      <c r="BE37" s="218"/>
      <c r="BF37" s="219">
        <v>29</v>
      </c>
      <c r="BG37" s="329"/>
      <c r="BH37" s="1"/>
      <c r="BI37" s="1"/>
      <c r="BJ37" s="1"/>
      <c r="BK37" s="1"/>
      <c r="BL37" s="1"/>
      <c r="BM37" s="1"/>
      <c r="BN37" s="1"/>
      <c r="BO37" s="1"/>
      <c r="BP37" s="1"/>
      <c r="BQ37" s="1"/>
      <c r="BR37" s="1"/>
      <c r="BS37" s="1"/>
      <c r="BT37" s="1"/>
      <c r="BU37" s="1"/>
      <c r="BV37" s="1"/>
      <c r="BW37" s="1"/>
      <c r="BX37" s="1"/>
      <c r="BY37" s="1"/>
      <c r="BZ37" s="1"/>
      <c r="CA37" s="1"/>
      <c r="CB37" s="1"/>
      <c r="CC37" s="1"/>
      <c r="CD37" s="1"/>
      <c r="CE37" s="1"/>
    </row>
    <row r="38" spans="1:83" s="269" customFormat="1" ht="28.5" customHeight="1" x14ac:dyDescent="0.2">
      <c r="A38" s="1132"/>
      <c r="B38" s="1133"/>
      <c r="C38" s="1134"/>
      <c r="D38" s="1061" t="s">
        <v>91</v>
      </c>
      <c r="E38" s="1062"/>
      <c r="F38" s="1063"/>
      <c r="G38" s="1064"/>
      <c r="H38" s="1065"/>
      <c r="I38" s="1065"/>
      <c r="J38" s="1065"/>
      <c r="K38" s="1065"/>
      <c r="L38" s="1065"/>
      <c r="M38" s="1065"/>
      <c r="N38" s="1066"/>
      <c r="O38" s="1067" t="str">
        <f>IF(G38="","",IFERROR(VLOOKUP(G38,製品リスト!$G$4:$I$1000,2,0),"SII登録型番を正しく入力してください"))</f>
        <v/>
      </c>
      <c r="P38" s="1068"/>
      <c r="Q38" s="1068"/>
      <c r="R38" s="1068"/>
      <c r="S38" s="1068"/>
      <c r="T38" s="1068"/>
      <c r="U38" s="1068"/>
      <c r="V38" s="1068"/>
      <c r="W38" s="1068"/>
      <c r="X38" s="1068"/>
      <c r="Y38" s="1069"/>
      <c r="Z38" s="1067" t="str">
        <f>IF(G38="","",IFERROR(VLOOKUP(G38,製品リスト!$G$4:$I$1000,3,0),"SII登録型番を正しく入力してください"))</f>
        <v/>
      </c>
      <c r="AA38" s="1068"/>
      <c r="AB38" s="1068"/>
      <c r="AC38" s="1068"/>
      <c r="AD38" s="1068"/>
      <c r="AE38" s="1068"/>
      <c r="AF38" s="1068"/>
      <c r="AG38" s="1068"/>
      <c r="AH38" s="1068"/>
      <c r="AI38" s="1068"/>
      <c r="AJ38" s="1068"/>
      <c r="AK38" s="1068"/>
      <c r="AL38" s="1068"/>
      <c r="AM38" s="1069"/>
      <c r="AN38" s="1061" t="str">
        <f>IF(G38="","",IFERROR(VLOOKUP(G38,製品リスト!$G$4:$J$1000,4,0),"SII登録型番を正しく入力してください"))</f>
        <v/>
      </c>
      <c r="AO38" s="1062"/>
      <c r="AP38" s="1063"/>
      <c r="AQ38" s="1070"/>
      <c r="AR38" s="1071"/>
      <c r="AS38" s="1072" t="str">
        <f t="shared" si="17"/>
        <v/>
      </c>
      <c r="AT38" s="1073"/>
      <c r="AU38" s="1074"/>
      <c r="AV38" s="1092"/>
      <c r="AW38" s="1093"/>
      <c r="AX38" s="1094"/>
      <c r="AY38" s="1057"/>
      <c r="AZ38" s="1058"/>
      <c r="BA38" s="1058"/>
      <c r="BB38" s="1058"/>
      <c r="BC38" s="1060"/>
      <c r="BD38" s="218"/>
      <c r="BE38" s="218"/>
      <c r="BF38" s="219">
        <v>30</v>
      </c>
      <c r="BG38" s="329"/>
      <c r="BH38" s="1"/>
      <c r="BI38" s="1"/>
      <c r="BJ38" s="1"/>
      <c r="BK38" s="1"/>
      <c r="BL38" s="1"/>
      <c r="BM38" s="1"/>
      <c r="BN38" s="1"/>
      <c r="BO38" s="1"/>
      <c r="BP38" s="1"/>
      <c r="BQ38" s="1"/>
      <c r="BR38" s="1"/>
      <c r="BS38" s="1"/>
      <c r="BT38" s="1"/>
      <c r="BU38" s="1"/>
      <c r="BV38" s="1"/>
      <c r="BW38" s="1"/>
      <c r="BX38" s="1"/>
      <c r="BY38" s="1"/>
      <c r="BZ38" s="1"/>
      <c r="CA38" s="1"/>
      <c r="CB38" s="1"/>
      <c r="CC38" s="1"/>
      <c r="CD38" s="1"/>
      <c r="CE38" s="1"/>
    </row>
    <row r="39" spans="1:83" s="269" customFormat="1" ht="28.5" customHeight="1" x14ac:dyDescent="0.2">
      <c r="A39" s="1132"/>
      <c r="B39" s="1133"/>
      <c r="C39" s="1134"/>
      <c r="D39" s="1075" t="s">
        <v>90</v>
      </c>
      <c r="E39" s="1076"/>
      <c r="F39" s="1077"/>
      <c r="G39" s="1078"/>
      <c r="H39" s="1079"/>
      <c r="I39" s="1079"/>
      <c r="J39" s="1079"/>
      <c r="K39" s="1079"/>
      <c r="L39" s="1079"/>
      <c r="M39" s="1079"/>
      <c r="N39" s="1080"/>
      <c r="O39" s="1081" t="str">
        <f>IF(G39="","",IFERROR(VLOOKUP(G39,製品リスト!$G$4:$I$1000,2,0),"SII登録型番を正しく入力してください"))</f>
        <v/>
      </c>
      <c r="P39" s="1082"/>
      <c r="Q39" s="1082"/>
      <c r="R39" s="1082"/>
      <c r="S39" s="1082"/>
      <c r="T39" s="1082"/>
      <c r="U39" s="1082"/>
      <c r="V39" s="1082"/>
      <c r="W39" s="1082"/>
      <c r="X39" s="1082"/>
      <c r="Y39" s="1083"/>
      <c r="Z39" s="1081" t="str">
        <f>IF(G39="","",IFERROR(VLOOKUP(G39,製品リスト!$G$4:$I$1000,3,0),"SII登録型番を正しく入力してください"))</f>
        <v/>
      </c>
      <c r="AA39" s="1082"/>
      <c r="AB39" s="1082"/>
      <c r="AC39" s="1082"/>
      <c r="AD39" s="1082"/>
      <c r="AE39" s="1082"/>
      <c r="AF39" s="1082"/>
      <c r="AG39" s="1082"/>
      <c r="AH39" s="1082"/>
      <c r="AI39" s="1082"/>
      <c r="AJ39" s="1082"/>
      <c r="AK39" s="1082"/>
      <c r="AL39" s="1082"/>
      <c r="AM39" s="1083"/>
      <c r="AN39" s="1075" t="str">
        <f>IF(G39="","",IFERROR(VLOOKUP(G39,製品リスト!$G$4:$J$1000,4,0),"SII登録型番を正しく入力してください"))</f>
        <v/>
      </c>
      <c r="AO39" s="1076"/>
      <c r="AP39" s="1077"/>
      <c r="AQ39" s="1084"/>
      <c r="AR39" s="1085"/>
      <c r="AS39" s="1086" t="str">
        <f t="shared" si="17"/>
        <v/>
      </c>
      <c r="AT39" s="1087"/>
      <c r="AU39" s="1088"/>
      <c r="AV39" s="1089" t="str">
        <f t="shared" ref="AV39" si="19">IF(AS39&lt;&gt;"",SUM(AS39:AU40),"")</f>
        <v/>
      </c>
      <c r="AW39" s="1090"/>
      <c r="AX39" s="1091"/>
      <c r="AY39" s="1055"/>
      <c r="AZ39" s="1056"/>
      <c r="BA39" s="1056"/>
      <c r="BB39" s="1056"/>
      <c r="BC39" s="1059" t="s">
        <v>13</v>
      </c>
      <c r="BD39" s="218"/>
      <c r="BE39" s="218"/>
      <c r="BF39" s="219">
        <v>31</v>
      </c>
      <c r="BG39" s="329"/>
      <c r="BH39" s="1"/>
      <c r="BI39" s="1"/>
      <c r="BJ39" s="1"/>
      <c r="BK39" s="1"/>
      <c r="BL39" s="1"/>
      <c r="BM39" s="1"/>
      <c r="BN39" s="1"/>
      <c r="BO39" s="1"/>
      <c r="BP39" s="1"/>
      <c r="BQ39" s="1"/>
      <c r="BR39" s="1"/>
      <c r="BS39" s="1"/>
      <c r="BT39" s="1"/>
      <c r="BU39" s="1"/>
      <c r="BV39" s="1"/>
      <c r="BW39" s="1"/>
      <c r="BX39" s="1"/>
      <c r="BY39" s="1"/>
      <c r="BZ39" s="1"/>
      <c r="CA39" s="1"/>
      <c r="CB39" s="1"/>
      <c r="CC39" s="1"/>
      <c r="CD39" s="1"/>
      <c r="CE39" s="1"/>
    </row>
    <row r="40" spans="1:83" s="269" customFormat="1" ht="28.5" customHeight="1" x14ac:dyDescent="0.2">
      <c r="A40" s="1132"/>
      <c r="B40" s="1133"/>
      <c r="C40" s="1134"/>
      <c r="D40" s="1061" t="s">
        <v>91</v>
      </c>
      <c r="E40" s="1062"/>
      <c r="F40" s="1063"/>
      <c r="G40" s="1064"/>
      <c r="H40" s="1065"/>
      <c r="I40" s="1065"/>
      <c r="J40" s="1065"/>
      <c r="K40" s="1065"/>
      <c r="L40" s="1065"/>
      <c r="M40" s="1065"/>
      <c r="N40" s="1066"/>
      <c r="O40" s="1067" t="str">
        <f>IF(G40="","",IFERROR(VLOOKUP(G40,製品リスト!$G$4:$I$1000,2,0),"SII登録型番を正しく入力してください"))</f>
        <v/>
      </c>
      <c r="P40" s="1068"/>
      <c r="Q40" s="1068"/>
      <c r="R40" s="1068"/>
      <c r="S40" s="1068"/>
      <c r="T40" s="1068"/>
      <c r="U40" s="1068"/>
      <c r="V40" s="1068"/>
      <c r="W40" s="1068"/>
      <c r="X40" s="1068"/>
      <c r="Y40" s="1069"/>
      <c r="Z40" s="1067" t="str">
        <f>IF(G40="","",IFERROR(VLOOKUP(G40,製品リスト!$G$4:$I$1000,3,0),"SII登録型番を正しく入力してください"))</f>
        <v/>
      </c>
      <c r="AA40" s="1068"/>
      <c r="AB40" s="1068"/>
      <c r="AC40" s="1068"/>
      <c r="AD40" s="1068"/>
      <c r="AE40" s="1068"/>
      <c r="AF40" s="1068"/>
      <c r="AG40" s="1068"/>
      <c r="AH40" s="1068"/>
      <c r="AI40" s="1068"/>
      <c r="AJ40" s="1068"/>
      <c r="AK40" s="1068"/>
      <c r="AL40" s="1068"/>
      <c r="AM40" s="1069"/>
      <c r="AN40" s="1061" t="str">
        <f>IF(G40="","",IFERROR(VLOOKUP(G40,製品リスト!$G$4:$J$1000,4,0),"SII登録型番を正しく入力してください"))</f>
        <v/>
      </c>
      <c r="AO40" s="1062"/>
      <c r="AP40" s="1063"/>
      <c r="AQ40" s="1070"/>
      <c r="AR40" s="1071"/>
      <c r="AS40" s="1072" t="str">
        <f t="shared" si="17"/>
        <v/>
      </c>
      <c r="AT40" s="1073"/>
      <c r="AU40" s="1074"/>
      <c r="AV40" s="1092"/>
      <c r="AW40" s="1093"/>
      <c r="AX40" s="1094"/>
      <c r="AY40" s="1057"/>
      <c r="AZ40" s="1058"/>
      <c r="BA40" s="1058"/>
      <c r="BB40" s="1058"/>
      <c r="BC40" s="1060"/>
      <c r="BD40" s="218"/>
      <c r="BE40" s="218"/>
      <c r="BF40" s="219">
        <v>32</v>
      </c>
      <c r="BG40" s="329"/>
      <c r="BH40" s="1"/>
      <c r="BI40" s="1"/>
      <c r="BJ40" s="1"/>
      <c r="BK40" s="1"/>
      <c r="BL40" s="1"/>
      <c r="BM40" s="1"/>
      <c r="BN40" s="1"/>
      <c r="BO40" s="1"/>
      <c r="BP40" s="1"/>
      <c r="BQ40" s="1"/>
      <c r="BR40" s="1"/>
      <c r="BS40" s="1"/>
      <c r="BT40" s="1"/>
      <c r="BU40" s="1"/>
      <c r="BV40" s="1"/>
      <c r="BW40" s="1"/>
      <c r="BX40" s="1"/>
      <c r="BY40" s="1"/>
      <c r="BZ40" s="1"/>
      <c r="CA40" s="1"/>
      <c r="CB40" s="1"/>
      <c r="CC40" s="1"/>
      <c r="CD40" s="1"/>
      <c r="CE40" s="1"/>
    </row>
    <row r="41" spans="1:83" s="269" customFormat="1" ht="28.5" customHeight="1" x14ac:dyDescent="0.2">
      <c r="A41" s="1132"/>
      <c r="B41" s="1133"/>
      <c r="C41" s="1134"/>
      <c r="D41" s="1075" t="s">
        <v>90</v>
      </c>
      <c r="E41" s="1076"/>
      <c r="F41" s="1077"/>
      <c r="G41" s="1078"/>
      <c r="H41" s="1079"/>
      <c r="I41" s="1079"/>
      <c r="J41" s="1079"/>
      <c r="K41" s="1079"/>
      <c r="L41" s="1079"/>
      <c r="M41" s="1079"/>
      <c r="N41" s="1080"/>
      <c r="O41" s="1081" t="str">
        <f>IF(G41="","",IFERROR(VLOOKUP(G41,製品リスト!$G$4:$I$1000,2,0),"SII登録型番を正しく入力してください"))</f>
        <v/>
      </c>
      <c r="P41" s="1082"/>
      <c r="Q41" s="1082"/>
      <c r="R41" s="1082"/>
      <c r="S41" s="1082"/>
      <c r="T41" s="1082"/>
      <c r="U41" s="1082"/>
      <c r="V41" s="1082"/>
      <c r="W41" s="1082"/>
      <c r="X41" s="1082"/>
      <c r="Y41" s="1083"/>
      <c r="Z41" s="1081" t="str">
        <f>IF(G41="","",IFERROR(VLOOKUP(G41,製品リスト!$G$4:$I$1000,3,0),"SII登録型番を正しく入力してください"))</f>
        <v/>
      </c>
      <c r="AA41" s="1082"/>
      <c r="AB41" s="1082"/>
      <c r="AC41" s="1082"/>
      <c r="AD41" s="1082"/>
      <c r="AE41" s="1082"/>
      <c r="AF41" s="1082"/>
      <c r="AG41" s="1082"/>
      <c r="AH41" s="1082"/>
      <c r="AI41" s="1082"/>
      <c r="AJ41" s="1082"/>
      <c r="AK41" s="1082"/>
      <c r="AL41" s="1082"/>
      <c r="AM41" s="1083"/>
      <c r="AN41" s="1075" t="str">
        <f>IF(G41="","",IFERROR(VLOOKUP(G41,製品リスト!$G$4:$J$1000,4,0),"SII登録型番を正しく入力してください"))</f>
        <v/>
      </c>
      <c r="AO41" s="1076"/>
      <c r="AP41" s="1077"/>
      <c r="AQ41" s="1084"/>
      <c r="AR41" s="1085"/>
      <c r="AS41" s="1086" t="str">
        <f t="shared" si="0"/>
        <v/>
      </c>
      <c r="AT41" s="1087"/>
      <c r="AU41" s="1088"/>
      <c r="AV41" s="1089" t="str">
        <f t="shared" ref="AV41" si="20">IF(AS41&lt;&gt;"",SUM(AS41:AU42),"")</f>
        <v/>
      </c>
      <c r="AW41" s="1090"/>
      <c r="AX41" s="1091"/>
      <c r="AY41" s="1055"/>
      <c r="AZ41" s="1056"/>
      <c r="BA41" s="1056"/>
      <c r="BB41" s="1056"/>
      <c r="BC41" s="1059" t="s">
        <v>13</v>
      </c>
      <c r="BD41" s="218"/>
      <c r="BE41" s="218"/>
      <c r="BF41" s="219">
        <v>33</v>
      </c>
      <c r="BG41" s="329"/>
      <c r="BH41" s="1"/>
      <c r="BI41" s="1"/>
      <c r="BJ41" s="1"/>
      <c r="BK41" s="1"/>
      <c r="BL41" s="1"/>
      <c r="BM41" s="1"/>
      <c r="BN41" s="1"/>
      <c r="BO41" s="1"/>
      <c r="BP41" s="1"/>
      <c r="BQ41" s="1"/>
      <c r="BR41" s="1"/>
      <c r="BS41" s="1"/>
      <c r="BT41" s="1"/>
      <c r="BU41" s="1"/>
      <c r="BV41" s="1"/>
      <c r="BW41" s="1"/>
      <c r="BX41" s="1"/>
      <c r="BY41" s="1"/>
      <c r="BZ41" s="1"/>
      <c r="CA41" s="1"/>
      <c r="CB41" s="1"/>
      <c r="CC41" s="1"/>
      <c r="CD41" s="1"/>
      <c r="CE41" s="1"/>
    </row>
    <row r="42" spans="1:83" s="269" customFormat="1" ht="28.5" customHeight="1" x14ac:dyDescent="0.2">
      <c r="A42" s="1132"/>
      <c r="B42" s="1133"/>
      <c r="C42" s="1134"/>
      <c r="D42" s="1061" t="s">
        <v>91</v>
      </c>
      <c r="E42" s="1062"/>
      <c r="F42" s="1063"/>
      <c r="G42" s="1064"/>
      <c r="H42" s="1065"/>
      <c r="I42" s="1065"/>
      <c r="J42" s="1065"/>
      <c r="K42" s="1065"/>
      <c r="L42" s="1065"/>
      <c r="M42" s="1065"/>
      <c r="N42" s="1066"/>
      <c r="O42" s="1067" t="str">
        <f>IF(G42="","",IFERROR(VLOOKUP(G42,製品リスト!$G$4:$I$1000,2,0),"SII登録型番を正しく入力してください"))</f>
        <v/>
      </c>
      <c r="P42" s="1068"/>
      <c r="Q42" s="1068"/>
      <c r="R42" s="1068"/>
      <c r="S42" s="1068"/>
      <c r="T42" s="1068"/>
      <c r="U42" s="1068"/>
      <c r="V42" s="1068"/>
      <c r="W42" s="1068"/>
      <c r="X42" s="1068"/>
      <c r="Y42" s="1069"/>
      <c r="Z42" s="1067" t="str">
        <f>IF(G42="","",IFERROR(VLOOKUP(G42,製品リスト!$G$4:$I$1000,3,0),"SII登録型番を正しく入力してください"))</f>
        <v/>
      </c>
      <c r="AA42" s="1068"/>
      <c r="AB42" s="1068"/>
      <c r="AC42" s="1068"/>
      <c r="AD42" s="1068"/>
      <c r="AE42" s="1068"/>
      <c r="AF42" s="1068"/>
      <c r="AG42" s="1068"/>
      <c r="AH42" s="1068"/>
      <c r="AI42" s="1068"/>
      <c r="AJ42" s="1068"/>
      <c r="AK42" s="1068"/>
      <c r="AL42" s="1068"/>
      <c r="AM42" s="1069"/>
      <c r="AN42" s="1061" t="str">
        <f>IF(G42="","",IFERROR(VLOOKUP(G42,製品リスト!$G$4:$J$1000,4,0),"SII登録型番を正しく入力してください"))</f>
        <v/>
      </c>
      <c r="AO42" s="1062"/>
      <c r="AP42" s="1063"/>
      <c r="AQ42" s="1070"/>
      <c r="AR42" s="1071"/>
      <c r="AS42" s="1072" t="str">
        <f t="shared" si="0"/>
        <v/>
      </c>
      <c r="AT42" s="1073"/>
      <c r="AU42" s="1074"/>
      <c r="AV42" s="1092"/>
      <c r="AW42" s="1093"/>
      <c r="AX42" s="1094"/>
      <c r="AY42" s="1057"/>
      <c r="AZ42" s="1058"/>
      <c r="BA42" s="1058"/>
      <c r="BB42" s="1058"/>
      <c r="BC42" s="1060"/>
      <c r="BD42" s="218"/>
      <c r="BE42" s="218"/>
      <c r="BF42" s="219">
        <v>34</v>
      </c>
      <c r="BG42" s="329"/>
      <c r="BH42" s="1"/>
      <c r="BI42" s="1"/>
      <c r="BJ42" s="1"/>
      <c r="BK42" s="1"/>
      <c r="BL42" s="1"/>
      <c r="BM42" s="1"/>
      <c r="BN42" s="1"/>
      <c r="BO42" s="1"/>
      <c r="BP42" s="1"/>
      <c r="BQ42" s="1"/>
      <c r="BR42" s="1"/>
      <c r="BS42" s="1"/>
      <c r="BT42" s="1"/>
      <c r="BU42" s="1"/>
      <c r="BV42" s="1"/>
      <c r="BW42" s="1"/>
      <c r="BX42" s="1"/>
      <c r="BY42" s="1"/>
      <c r="BZ42" s="1"/>
      <c r="CA42" s="1"/>
      <c r="CB42" s="1"/>
      <c r="CC42" s="1"/>
      <c r="CD42" s="1"/>
      <c r="CE42" s="1"/>
    </row>
    <row r="43" spans="1:83" s="269" customFormat="1" ht="28.5" customHeight="1" x14ac:dyDescent="0.2">
      <c r="A43" s="1132"/>
      <c r="B43" s="1133"/>
      <c r="C43" s="1134"/>
      <c r="D43" s="1075" t="s">
        <v>90</v>
      </c>
      <c r="E43" s="1076"/>
      <c r="F43" s="1077"/>
      <c r="G43" s="1078"/>
      <c r="H43" s="1079"/>
      <c r="I43" s="1079"/>
      <c r="J43" s="1079"/>
      <c r="K43" s="1079"/>
      <c r="L43" s="1079"/>
      <c r="M43" s="1079"/>
      <c r="N43" s="1080"/>
      <c r="O43" s="1081" t="str">
        <f>IF(G43="","",IFERROR(VLOOKUP(G43,製品リスト!$G$4:$I$1000,2,0),"SII登録型番を正しく入力してください"))</f>
        <v/>
      </c>
      <c r="P43" s="1082"/>
      <c r="Q43" s="1082"/>
      <c r="R43" s="1082"/>
      <c r="S43" s="1082"/>
      <c r="T43" s="1082"/>
      <c r="U43" s="1082"/>
      <c r="V43" s="1082"/>
      <c r="W43" s="1082"/>
      <c r="X43" s="1082"/>
      <c r="Y43" s="1083"/>
      <c r="Z43" s="1081" t="str">
        <f>IF(G43="","",IFERROR(VLOOKUP(G43,製品リスト!$G$4:$I$1000,3,0),"SII登録型番を正しく入力してください"))</f>
        <v/>
      </c>
      <c r="AA43" s="1082"/>
      <c r="AB43" s="1082"/>
      <c r="AC43" s="1082"/>
      <c r="AD43" s="1082"/>
      <c r="AE43" s="1082"/>
      <c r="AF43" s="1082"/>
      <c r="AG43" s="1082"/>
      <c r="AH43" s="1082"/>
      <c r="AI43" s="1082"/>
      <c r="AJ43" s="1082"/>
      <c r="AK43" s="1082"/>
      <c r="AL43" s="1082"/>
      <c r="AM43" s="1083"/>
      <c r="AN43" s="1075" t="str">
        <f>IF(G43="","",IFERROR(VLOOKUP(G43,製品リスト!$G$4:$J$1000,4,0),"SII登録型番を正しく入力してください"))</f>
        <v/>
      </c>
      <c r="AO43" s="1076"/>
      <c r="AP43" s="1077"/>
      <c r="AQ43" s="1084"/>
      <c r="AR43" s="1085"/>
      <c r="AS43" s="1086" t="str">
        <f t="shared" si="0"/>
        <v/>
      </c>
      <c r="AT43" s="1087"/>
      <c r="AU43" s="1088"/>
      <c r="AV43" s="1089" t="str">
        <f t="shared" ref="AV43" si="21">IF(AS43&lt;&gt;"",SUM(AS43:AU44),"")</f>
        <v/>
      </c>
      <c r="AW43" s="1090"/>
      <c r="AX43" s="1091"/>
      <c r="AY43" s="1055"/>
      <c r="AZ43" s="1056"/>
      <c r="BA43" s="1056"/>
      <c r="BB43" s="1056"/>
      <c r="BC43" s="1059" t="s">
        <v>13</v>
      </c>
      <c r="BD43" s="218"/>
      <c r="BE43" s="218"/>
      <c r="BF43" s="219">
        <v>35</v>
      </c>
      <c r="BG43" s="329"/>
      <c r="BH43" s="1"/>
      <c r="BI43" s="1"/>
      <c r="BJ43" s="1"/>
      <c r="BK43" s="1"/>
      <c r="BL43" s="1"/>
      <c r="BM43" s="1"/>
      <c r="BN43" s="1"/>
      <c r="BO43" s="1"/>
      <c r="BP43" s="1"/>
      <c r="BQ43" s="1"/>
      <c r="BR43" s="1"/>
      <c r="BS43" s="1"/>
      <c r="BT43" s="1"/>
      <c r="BU43" s="1"/>
      <c r="BV43" s="1"/>
      <c r="BW43" s="1"/>
      <c r="BX43" s="1"/>
      <c r="BY43" s="1"/>
      <c r="BZ43" s="1"/>
      <c r="CA43" s="1"/>
      <c r="CB43" s="1"/>
      <c r="CC43" s="1"/>
      <c r="CD43" s="1"/>
      <c r="CE43" s="1"/>
    </row>
    <row r="44" spans="1:83" s="269" customFormat="1" ht="28.5" customHeight="1" x14ac:dyDescent="0.2">
      <c r="A44" s="1132"/>
      <c r="B44" s="1133"/>
      <c r="C44" s="1134"/>
      <c r="D44" s="1061" t="s">
        <v>91</v>
      </c>
      <c r="E44" s="1062"/>
      <c r="F44" s="1063"/>
      <c r="G44" s="1064"/>
      <c r="H44" s="1065"/>
      <c r="I44" s="1065"/>
      <c r="J44" s="1065"/>
      <c r="K44" s="1065"/>
      <c r="L44" s="1065"/>
      <c r="M44" s="1065"/>
      <c r="N44" s="1066"/>
      <c r="O44" s="1067" t="str">
        <f>IF(G44="","",IFERROR(VLOOKUP(G44,製品リスト!$G$4:$I$1000,2,0),"SII登録型番を正しく入力してください"))</f>
        <v/>
      </c>
      <c r="P44" s="1068"/>
      <c r="Q44" s="1068"/>
      <c r="R44" s="1068"/>
      <c r="S44" s="1068"/>
      <c r="T44" s="1068"/>
      <c r="U44" s="1068"/>
      <c r="V44" s="1068"/>
      <c r="W44" s="1068"/>
      <c r="X44" s="1068"/>
      <c r="Y44" s="1069"/>
      <c r="Z44" s="1067" t="str">
        <f>IF(G44="","",IFERROR(VLOOKUP(G44,製品リスト!$G$4:$I$1000,3,0),"SII登録型番を正しく入力してください"))</f>
        <v/>
      </c>
      <c r="AA44" s="1068"/>
      <c r="AB44" s="1068"/>
      <c r="AC44" s="1068"/>
      <c r="AD44" s="1068"/>
      <c r="AE44" s="1068"/>
      <c r="AF44" s="1068"/>
      <c r="AG44" s="1068"/>
      <c r="AH44" s="1068"/>
      <c r="AI44" s="1068"/>
      <c r="AJ44" s="1068"/>
      <c r="AK44" s="1068"/>
      <c r="AL44" s="1068"/>
      <c r="AM44" s="1069"/>
      <c r="AN44" s="1061" t="str">
        <f>IF(G44="","",IFERROR(VLOOKUP(G44,製品リスト!$G$4:$J$1000,4,0),"SII登録型番を正しく入力してください"))</f>
        <v/>
      </c>
      <c r="AO44" s="1062"/>
      <c r="AP44" s="1063"/>
      <c r="AQ44" s="1070"/>
      <c r="AR44" s="1071"/>
      <c r="AS44" s="1072" t="str">
        <f t="shared" si="0"/>
        <v/>
      </c>
      <c r="AT44" s="1073"/>
      <c r="AU44" s="1074"/>
      <c r="AV44" s="1092"/>
      <c r="AW44" s="1093"/>
      <c r="AX44" s="1094"/>
      <c r="AY44" s="1057"/>
      <c r="AZ44" s="1058"/>
      <c r="BA44" s="1058"/>
      <c r="BB44" s="1058"/>
      <c r="BC44" s="1060"/>
      <c r="BD44" s="218"/>
      <c r="BE44" s="218"/>
      <c r="BF44" s="219">
        <v>36</v>
      </c>
      <c r="BG44" s="329"/>
      <c r="BH44" s="1"/>
      <c r="BI44" s="1"/>
      <c r="BJ44" s="1"/>
      <c r="BK44" s="1"/>
      <c r="BL44" s="1"/>
      <c r="BM44" s="1"/>
      <c r="BN44" s="1"/>
      <c r="BO44" s="1"/>
      <c r="BP44" s="1"/>
      <c r="BQ44" s="1"/>
      <c r="BR44" s="1"/>
      <c r="BS44" s="1"/>
      <c r="BT44" s="1"/>
      <c r="BU44" s="1"/>
      <c r="BV44" s="1"/>
      <c r="BW44" s="1"/>
      <c r="BX44" s="1"/>
      <c r="BY44" s="1"/>
      <c r="BZ44" s="1"/>
      <c r="CA44" s="1"/>
      <c r="CB44" s="1"/>
      <c r="CC44" s="1"/>
      <c r="CD44" s="1"/>
      <c r="CE44" s="1"/>
    </row>
    <row r="45" spans="1:83" s="269" customFormat="1" ht="28.5" customHeight="1" x14ac:dyDescent="0.2">
      <c r="A45" s="1132"/>
      <c r="B45" s="1133"/>
      <c r="C45" s="1134"/>
      <c r="D45" s="1075" t="s">
        <v>90</v>
      </c>
      <c r="E45" s="1076"/>
      <c r="F45" s="1077"/>
      <c r="G45" s="1078"/>
      <c r="H45" s="1079"/>
      <c r="I45" s="1079"/>
      <c r="J45" s="1079"/>
      <c r="K45" s="1079"/>
      <c r="L45" s="1079"/>
      <c r="M45" s="1079"/>
      <c r="N45" s="1080"/>
      <c r="O45" s="1081" t="str">
        <f>IF(G45="","",IFERROR(VLOOKUP(G45,製品リスト!$G$4:$I$1000,2,0),"SII登録型番を正しく入力してください"))</f>
        <v/>
      </c>
      <c r="P45" s="1082"/>
      <c r="Q45" s="1082"/>
      <c r="R45" s="1082"/>
      <c r="S45" s="1082"/>
      <c r="T45" s="1082"/>
      <c r="U45" s="1082"/>
      <c r="V45" s="1082"/>
      <c r="W45" s="1082"/>
      <c r="X45" s="1082"/>
      <c r="Y45" s="1083"/>
      <c r="Z45" s="1081" t="str">
        <f>IF(G45="","",IFERROR(VLOOKUP(G45,製品リスト!$G$4:$I$1000,3,0),"SII登録型番を正しく入力してください"))</f>
        <v/>
      </c>
      <c r="AA45" s="1082"/>
      <c r="AB45" s="1082"/>
      <c r="AC45" s="1082"/>
      <c r="AD45" s="1082"/>
      <c r="AE45" s="1082"/>
      <c r="AF45" s="1082"/>
      <c r="AG45" s="1082"/>
      <c r="AH45" s="1082"/>
      <c r="AI45" s="1082"/>
      <c r="AJ45" s="1082"/>
      <c r="AK45" s="1082"/>
      <c r="AL45" s="1082"/>
      <c r="AM45" s="1083"/>
      <c r="AN45" s="1075" t="str">
        <f>IF(G45="","",IFERROR(VLOOKUP(G45,製品リスト!$G$4:$J$1000,4,0),"SII登録型番を正しく入力してください"))</f>
        <v/>
      </c>
      <c r="AO45" s="1076"/>
      <c r="AP45" s="1077"/>
      <c r="AQ45" s="1084"/>
      <c r="AR45" s="1085"/>
      <c r="AS45" s="1086" t="str">
        <f t="shared" si="0"/>
        <v/>
      </c>
      <c r="AT45" s="1087"/>
      <c r="AU45" s="1088"/>
      <c r="AV45" s="1089" t="str">
        <f t="shared" ref="AV45" si="22">IF(AS45&lt;&gt;"",SUM(AS45:AU46),"")</f>
        <v/>
      </c>
      <c r="AW45" s="1090"/>
      <c r="AX45" s="1091"/>
      <c r="AY45" s="1055"/>
      <c r="AZ45" s="1056"/>
      <c r="BA45" s="1056"/>
      <c r="BB45" s="1056"/>
      <c r="BC45" s="1059" t="s">
        <v>13</v>
      </c>
      <c r="BD45" s="218"/>
      <c r="BE45" s="218"/>
      <c r="BF45" s="219">
        <v>37</v>
      </c>
      <c r="BG45" s="329"/>
      <c r="BH45" s="1"/>
      <c r="BI45" s="1"/>
      <c r="BJ45" s="1"/>
      <c r="BK45" s="1"/>
      <c r="BL45" s="1"/>
      <c r="BM45" s="1"/>
      <c r="BN45" s="1"/>
      <c r="BO45" s="1"/>
      <c r="BP45" s="1"/>
      <c r="BQ45" s="1"/>
      <c r="BR45" s="1"/>
      <c r="BS45" s="1"/>
      <c r="BT45" s="1"/>
      <c r="BU45" s="1"/>
      <c r="BV45" s="1"/>
      <c r="BW45" s="1"/>
      <c r="BX45" s="1"/>
      <c r="BY45" s="1"/>
      <c r="BZ45" s="1"/>
      <c r="CA45" s="1"/>
      <c r="CB45" s="1"/>
      <c r="CC45" s="1"/>
      <c r="CD45" s="1"/>
      <c r="CE45" s="1"/>
    </row>
    <row r="46" spans="1:83" s="269" customFormat="1" ht="28.5" customHeight="1" x14ac:dyDescent="0.2">
      <c r="A46" s="1132"/>
      <c r="B46" s="1133"/>
      <c r="C46" s="1134"/>
      <c r="D46" s="1061" t="s">
        <v>91</v>
      </c>
      <c r="E46" s="1062"/>
      <c r="F46" s="1063"/>
      <c r="G46" s="1064"/>
      <c r="H46" s="1065"/>
      <c r="I46" s="1065"/>
      <c r="J46" s="1065"/>
      <c r="K46" s="1065"/>
      <c r="L46" s="1065"/>
      <c r="M46" s="1065"/>
      <c r="N46" s="1066"/>
      <c r="O46" s="1067" t="str">
        <f>IF(G46="","",IFERROR(VLOOKUP(G46,製品リスト!$G$4:$I$1000,2,0),"SII登録型番を正しく入力してください"))</f>
        <v/>
      </c>
      <c r="P46" s="1068"/>
      <c r="Q46" s="1068"/>
      <c r="R46" s="1068"/>
      <c r="S46" s="1068"/>
      <c r="T46" s="1068"/>
      <c r="U46" s="1068"/>
      <c r="V46" s="1068"/>
      <c r="W46" s="1068"/>
      <c r="X46" s="1068"/>
      <c r="Y46" s="1069"/>
      <c r="Z46" s="1067" t="str">
        <f>IF(G46="","",IFERROR(VLOOKUP(G46,製品リスト!$G$4:$I$1000,3,0),"SII登録型番を正しく入力してください"))</f>
        <v/>
      </c>
      <c r="AA46" s="1068"/>
      <c r="AB46" s="1068"/>
      <c r="AC46" s="1068"/>
      <c r="AD46" s="1068"/>
      <c r="AE46" s="1068"/>
      <c r="AF46" s="1068"/>
      <c r="AG46" s="1068"/>
      <c r="AH46" s="1068"/>
      <c r="AI46" s="1068"/>
      <c r="AJ46" s="1068"/>
      <c r="AK46" s="1068"/>
      <c r="AL46" s="1068"/>
      <c r="AM46" s="1069"/>
      <c r="AN46" s="1061" t="str">
        <f>IF(G46="","",IFERROR(VLOOKUP(G46,製品リスト!$G$4:$J$1000,4,0),"SII登録型番を正しく入力してください"))</f>
        <v/>
      </c>
      <c r="AO46" s="1062"/>
      <c r="AP46" s="1063"/>
      <c r="AQ46" s="1070"/>
      <c r="AR46" s="1071"/>
      <c r="AS46" s="1072" t="str">
        <f t="shared" si="0"/>
        <v/>
      </c>
      <c r="AT46" s="1073"/>
      <c r="AU46" s="1074"/>
      <c r="AV46" s="1092"/>
      <c r="AW46" s="1093"/>
      <c r="AX46" s="1094"/>
      <c r="AY46" s="1057"/>
      <c r="AZ46" s="1058"/>
      <c r="BA46" s="1058"/>
      <c r="BB46" s="1058"/>
      <c r="BC46" s="1060"/>
      <c r="BD46" s="218"/>
      <c r="BE46" s="218"/>
      <c r="BF46" s="219">
        <v>38</v>
      </c>
      <c r="BG46" s="329"/>
      <c r="BH46" s="1"/>
      <c r="BI46" s="1"/>
      <c r="BJ46" s="1"/>
      <c r="BK46" s="1"/>
      <c r="BL46" s="1"/>
      <c r="BM46" s="1"/>
      <c r="BN46" s="1"/>
      <c r="BO46" s="1"/>
      <c r="BP46" s="1"/>
      <c r="BQ46" s="1"/>
      <c r="BR46" s="1"/>
      <c r="BS46" s="1"/>
      <c r="BT46" s="1"/>
      <c r="BU46" s="1"/>
      <c r="BV46" s="1"/>
      <c r="BW46" s="1"/>
      <c r="BX46" s="1"/>
      <c r="BY46" s="1"/>
      <c r="BZ46" s="1"/>
      <c r="CA46" s="1"/>
      <c r="CB46" s="1"/>
      <c r="CC46" s="1"/>
      <c r="CD46" s="1"/>
      <c r="CE46" s="1"/>
    </row>
    <row r="47" spans="1:83" s="269" customFormat="1" ht="28.5" customHeight="1" x14ac:dyDescent="0.2">
      <c r="A47" s="1132"/>
      <c r="B47" s="1133"/>
      <c r="C47" s="1134"/>
      <c r="D47" s="1075" t="s">
        <v>90</v>
      </c>
      <c r="E47" s="1076"/>
      <c r="F47" s="1077"/>
      <c r="G47" s="1078"/>
      <c r="H47" s="1079"/>
      <c r="I47" s="1079"/>
      <c r="J47" s="1079"/>
      <c r="K47" s="1079"/>
      <c r="L47" s="1079"/>
      <c r="M47" s="1079"/>
      <c r="N47" s="1080"/>
      <c r="O47" s="1081" t="str">
        <f>IF(G47="","",IFERROR(VLOOKUP(G47,製品リスト!$G$4:$I$1000,2,0),"SII登録型番を正しく入力してください"))</f>
        <v/>
      </c>
      <c r="P47" s="1082"/>
      <c r="Q47" s="1082"/>
      <c r="R47" s="1082"/>
      <c r="S47" s="1082"/>
      <c r="T47" s="1082"/>
      <c r="U47" s="1082"/>
      <c r="V47" s="1082"/>
      <c r="W47" s="1082"/>
      <c r="X47" s="1082"/>
      <c r="Y47" s="1083"/>
      <c r="Z47" s="1081" t="str">
        <f>IF(G47="","",IFERROR(VLOOKUP(G47,製品リスト!$G$4:$I$1000,3,0),"SII登録型番を正しく入力してください"))</f>
        <v/>
      </c>
      <c r="AA47" s="1082"/>
      <c r="AB47" s="1082"/>
      <c r="AC47" s="1082"/>
      <c r="AD47" s="1082"/>
      <c r="AE47" s="1082"/>
      <c r="AF47" s="1082"/>
      <c r="AG47" s="1082"/>
      <c r="AH47" s="1082"/>
      <c r="AI47" s="1082"/>
      <c r="AJ47" s="1082"/>
      <c r="AK47" s="1082"/>
      <c r="AL47" s="1082"/>
      <c r="AM47" s="1083"/>
      <c r="AN47" s="1075" t="str">
        <f>IF(G47="","",IFERROR(VLOOKUP(G47,製品リスト!$G$4:$J$1000,4,0),"SII登録型番を正しく入力してください"))</f>
        <v/>
      </c>
      <c r="AO47" s="1076"/>
      <c r="AP47" s="1077"/>
      <c r="AQ47" s="1084"/>
      <c r="AR47" s="1085"/>
      <c r="AS47" s="1086" t="str">
        <f t="shared" si="0"/>
        <v/>
      </c>
      <c r="AT47" s="1087"/>
      <c r="AU47" s="1088"/>
      <c r="AV47" s="1089" t="str">
        <f t="shared" ref="AV47" si="23">IF(AS47&lt;&gt;"",SUM(AS47:AU48),"")</f>
        <v/>
      </c>
      <c r="AW47" s="1090"/>
      <c r="AX47" s="1091"/>
      <c r="AY47" s="1055"/>
      <c r="AZ47" s="1056"/>
      <c r="BA47" s="1056"/>
      <c r="BB47" s="1056"/>
      <c r="BC47" s="1059" t="s">
        <v>13</v>
      </c>
      <c r="BD47" s="218"/>
      <c r="BE47" s="218"/>
      <c r="BF47" s="219">
        <v>39</v>
      </c>
      <c r="BG47" s="329"/>
      <c r="BH47" s="1"/>
      <c r="BI47" s="1"/>
      <c r="BJ47" s="1"/>
      <c r="BK47" s="1"/>
      <c r="BL47" s="1"/>
      <c r="BM47" s="1"/>
      <c r="BN47" s="1"/>
      <c r="BO47" s="1"/>
      <c r="BP47" s="1"/>
      <c r="BQ47" s="1"/>
      <c r="BR47" s="1"/>
      <c r="BS47" s="1"/>
      <c r="BT47" s="1"/>
      <c r="BU47" s="1"/>
      <c r="BV47" s="1"/>
      <c r="BW47" s="1"/>
      <c r="BX47" s="1"/>
      <c r="BY47" s="1"/>
      <c r="BZ47" s="1"/>
      <c r="CA47" s="1"/>
      <c r="CB47" s="1"/>
      <c r="CC47" s="1"/>
      <c r="CD47" s="1"/>
      <c r="CE47" s="1"/>
    </row>
    <row r="48" spans="1:83" s="269" customFormat="1" ht="28.5" customHeight="1" thickBot="1" x14ac:dyDescent="0.25">
      <c r="A48" s="1135"/>
      <c r="B48" s="1136"/>
      <c r="C48" s="1137"/>
      <c r="D48" s="1096" t="s">
        <v>91</v>
      </c>
      <c r="E48" s="1097"/>
      <c r="F48" s="1098"/>
      <c r="G48" s="1115"/>
      <c r="H48" s="1116"/>
      <c r="I48" s="1116"/>
      <c r="J48" s="1116"/>
      <c r="K48" s="1116"/>
      <c r="L48" s="1116"/>
      <c r="M48" s="1116"/>
      <c r="N48" s="1117"/>
      <c r="O48" s="1104" t="str">
        <f>IF(G48="","",IFERROR(VLOOKUP(G48,製品リスト!$G$4:$I$1000,2,0),"SII登録型番を正しく入力してください"))</f>
        <v/>
      </c>
      <c r="P48" s="1105"/>
      <c r="Q48" s="1105"/>
      <c r="R48" s="1105"/>
      <c r="S48" s="1105"/>
      <c r="T48" s="1105"/>
      <c r="U48" s="1105"/>
      <c r="V48" s="1105"/>
      <c r="W48" s="1105"/>
      <c r="X48" s="1105"/>
      <c r="Y48" s="1106"/>
      <c r="Z48" s="1104" t="str">
        <f>IF(G48="","",IFERROR(VLOOKUP(G48,製品リスト!$G$4:$I$1000,3,0),"SII登録型番を正しく入力してください"))</f>
        <v/>
      </c>
      <c r="AA48" s="1105"/>
      <c r="AB48" s="1105"/>
      <c r="AC48" s="1105"/>
      <c r="AD48" s="1105"/>
      <c r="AE48" s="1105"/>
      <c r="AF48" s="1105"/>
      <c r="AG48" s="1105"/>
      <c r="AH48" s="1105"/>
      <c r="AI48" s="1105"/>
      <c r="AJ48" s="1105"/>
      <c r="AK48" s="1105"/>
      <c r="AL48" s="1105"/>
      <c r="AM48" s="1106"/>
      <c r="AN48" s="1096" t="str">
        <f>IF(G48="","",IFERROR(VLOOKUP(G48,製品リスト!$G$4:$J$1000,4,0),"SII登録型番を正しく入力してください"))</f>
        <v/>
      </c>
      <c r="AO48" s="1097"/>
      <c r="AP48" s="1098"/>
      <c r="AQ48" s="1110"/>
      <c r="AR48" s="1111"/>
      <c r="AS48" s="1107" t="str">
        <f t="shared" si="0"/>
        <v/>
      </c>
      <c r="AT48" s="1108"/>
      <c r="AU48" s="1109"/>
      <c r="AV48" s="1119"/>
      <c r="AW48" s="1120"/>
      <c r="AX48" s="1121"/>
      <c r="AY48" s="1122"/>
      <c r="AZ48" s="1123"/>
      <c r="BA48" s="1123"/>
      <c r="BB48" s="1123"/>
      <c r="BC48" s="1095"/>
      <c r="BD48" s="218"/>
      <c r="BE48" s="218"/>
      <c r="BF48" s="219">
        <v>40</v>
      </c>
      <c r="BG48" s="329"/>
      <c r="BH48" s="1"/>
      <c r="BI48" s="1"/>
      <c r="BJ48" s="1"/>
      <c r="BK48" s="1"/>
      <c r="BL48" s="1"/>
      <c r="BM48" s="1"/>
      <c r="BN48" s="1"/>
      <c r="BO48" s="1"/>
      <c r="BP48" s="1"/>
      <c r="BQ48" s="1"/>
      <c r="BR48" s="1"/>
      <c r="BS48" s="1"/>
      <c r="BT48" s="1"/>
      <c r="BU48" s="1"/>
      <c r="BV48" s="1"/>
      <c r="BW48" s="1"/>
      <c r="BX48" s="1"/>
      <c r="BY48" s="1"/>
      <c r="BZ48" s="1"/>
      <c r="CA48" s="1"/>
      <c r="CB48" s="1"/>
      <c r="CC48" s="1"/>
      <c r="CD48" s="1"/>
      <c r="CE48" s="1"/>
    </row>
    <row r="49" spans="1:59" ht="15.6" customHeight="1" x14ac:dyDescent="0.2">
      <c r="BG49" s="340"/>
    </row>
    <row r="50" spans="1:59" ht="31.5" customHeight="1" thickBot="1" x14ac:dyDescent="0.25">
      <c r="A50" s="27" t="s">
        <v>69</v>
      </c>
      <c r="B50" s="94"/>
      <c r="C50" s="94"/>
      <c r="D50" s="94"/>
      <c r="E50" s="94"/>
      <c r="F50" s="94"/>
      <c r="G50" s="94"/>
      <c r="H50" s="94"/>
      <c r="I50" s="77"/>
      <c r="J50" s="77"/>
      <c r="K50" s="77"/>
      <c r="L50" s="77"/>
      <c r="M50" s="77"/>
      <c r="N50" s="77"/>
      <c r="O50" s="77"/>
      <c r="P50" s="149" t="s">
        <v>110</v>
      </c>
      <c r="Q50" s="77"/>
      <c r="R50" s="77"/>
      <c r="S50" s="77"/>
      <c r="T50" s="77"/>
      <c r="U50" s="77"/>
      <c r="V50" s="77"/>
      <c r="W50" s="77"/>
      <c r="X50" s="77"/>
      <c r="Y50" s="77"/>
      <c r="Z50" s="77"/>
      <c r="AA50" s="77"/>
      <c r="AB50" s="77"/>
      <c r="AC50" s="77"/>
      <c r="AD50" s="77"/>
      <c r="AE50" s="77"/>
      <c r="AF50" s="77"/>
      <c r="AG50" s="77"/>
      <c r="AH50" s="77"/>
      <c r="AI50" s="77"/>
      <c r="AJ50" s="77"/>
      <c r="AK50" s="77"/>
      <c r="AL50" s="77"/>
      <c r="AM50" s="77"/>
      <c r="AN50" s="77"/>
      <c r="AO50" s="77"/>
      <c r="AP50" s="77"/>
      <c r="AQ50" s="77"/>
      <c r="AR50" s="77"/>
      <c r="AS50" s="77"/>
      <c r="AT50" s="77"/>
      <c r="AU50" s="77"/>
      <c r="AV50" s="77"/>
      <c r="AW50" s="77"/>
      <c r="AX50" s="77"/>
      <c r="AY50" s="94"/>
      <c r="AZ50" s="94"/>
      <c r="BA50" s="94"/>
      <c r="BB50" s="94"/>
      <c r="BC50" s="94"/>
      <c r="BD50" s="94"/>
      <c r="BE50" s="94"/>
      <c r="BG50" s="340"/>
    </row>
    <row r="51" spans="1:59" ht="57.75" customHeight="1" thickBot="1" x14ac:dyDescent="0.25">
      <c r="A51" s="797" t="s">
        <v>14</v>
      </c>
      <c r="B51" s="798"/>
      <c r="C51" s="799"/>
      <c r="D51" s="598" t="s">
        <v>95</v>
      </c>
      <c r="E51" s="557"/>
      <c r="F51" s="557"/>
      <c r="G51" s="557"/>
      <c r="H51" s="557"/>
      <c r="I51" s="671"/>
      <c r="J51" s="593" t="s">
        <v>100</v>
      </c>
      <c r="K51" s="593"/>
      <c r="L51" s="593"/>
      <c r="M51" s="593"/>
      <c r="N51" s="593"/>
      <c r="O51" s="593"/>
      <c r="P51" s="594"/>
      <c r="Q51" s="557" t="s">
        <v>101</v>
      </c>
      <c r="R51" s="671"/>
      <c r="S51" s="557" t="s">
        <v>71</v>
      </c>
      <c r="T51" s="557"/>
      <c r="U51" s="557"/>
      <c r="V51" s="557"/>
      <c r="W51" s="557"/>
      <c r="X51" s="557"/>
      <c r="Y51" s="591"/>
      <c r="Z51" s="598" t="s">
        <v>72</v>
      </c>
      <c r="AA51" s="557"/>
      <c r="AB51" s="557"/>
      <c r="AC51" s="557"/>
      <c r="AD51" s="557"/>
      <c r="AE51" s="557"/>
      <c r="AF51" s="557"/>
      <c r="AG51" s="557"/>
      <c r="AH51" s="557"/>
      <c r="AI51" s="557"/>
      <c r="AJ51" s="557"/>
      <c r="AK51" s="557"/>
      <c r="AL51" s="557"/>
      <c r="AM51" s="591"/>
      <c r="AN51" s="598" t="s">
        <v>87</v>
      </c>
      <c r="AO51" s="557"/>
      <c r="AP51" s="557"/>
      <c r="AQ51" s="557"/>
      <c r="AR51" s="557"/>
      <c r="AS51" s="557"/>
      <c r="AT51" s="557"/>
      <c r="AU51" s="557"/>
      <c r="AV51" s="557"/>
      <c r="AW51" s="557"/>
      <c r="AX51" s="557"/>
      <c r="AY51" s="557"/>
      <c r="AZ51" s="557"/>
      <c r="BA51" s="557"/>
      <c r="BB51" s="557"/>
      <c r="BC51" s="558"/>
      <c r="BD51" s="200"/>
      <c r="BE51" s="200"/>
      <c r="BF51" s="173" t="s">
        <v>658</v>
      </c>
      <c r="BG51" s="344" t="s">
        <v>153</v>
      </c>
    </row>
    <row r="52" spans="1:59" ht="33.75" customHeight="1" thickTop="1" x14ac:dyDescent="0.2">
      <c r="A52" s="1141" t="s">
        <v>78</v>
      </c>
      <c r="B52" s="1142"/>
      <c r="C52" s="1143"/>
      <c r="D52" s="1182" t="s">
        <v>96</v>
      </c>
      <c r="E52" s="1183"/>
      <c r="F52" s="1183"/>
      <c r="G52" s="1183"/>
      <c r="H52" s="1183"/>
      <c r="I52" s="1184"/>
      <c r="J52" s="1176" t="str">
        <f>IF((SUMIF($AV$9:$AX$28,"&gt;=2.2",$AY$9:$BB$28))=0,"",IF((SUMIF($AV$9:$AX$28,"&gt;=2.2",$AY$9:$BB$28))&lt;=1,1,ROUNDDOWN(SUMIF($AV$9:$AX$28,"&gt;=2.2",$AY$9:$BB$28),0)))</f>
        <v/>
      </c>
      <c r="K52" s="1177"/>
      <c r="L52" s="1177"/>
      <c r="M52" s="1177"/>
      <c r="N52" s="1177"/>
      <c r="O52" s="1177"/>
      <c r="P52" s="105" t="s">
        <v>102</v>
      </c>
      <c r="Q52" s="1144" t="s">
        <v>101</v>
      </c>
      <c r="R52" s="1145"/>
      <c r="S52" s="1191">
        <v>7500</v>
      </c>
      <c r="T52" s="1191"/>
      <c r="U52" s="1191"/>
      <c r="V52" s="1191"/>
      <c r="W52" s="1191"/>
      <c r="X52" s="1191"/>
      <c r="Y52" s="79" t="s">
        <v>0</v>
      </c>
      <c r="Z52" s="1192" t="str">
        <f>IF(J52="","",(J52*S52))</f>
        <v/>
      </c>
      <c r="AA52" s="1192"/>
      <c r="AB52" s="1192"/>
      <c r="AC52" s="1192"/>
      <c r="AD52" s="1192"/>
      <c r="AE52" s="1192"/>
      <c r="AF52" s="1192"/>
      <c r="AG52" s="1192"/>
      <c r="AH52" s="1192"/>
      <c r="AI52" s="1192"/>
      <c r="AJ52" s="1192"/>
      <c r="AK52" s="1192"/>
      <c r="AL52" s="1192"/>
      <c r="AM52" s="79" t="s">
        <v>0</v>
      </c>
      <c r="AN52" s="1193" t="str">
        <f>IF(Z52&lt;&gt;"",Z52,"")</f>
        <v/>
      </c>
      <c r="AO52" s="1194"/>
      <c r="AP52" s="1194"/>
      <c r="AQ52" s="1194"/>
      <c r="AR52" s="1194"/>
      <c r="AS52" s="1194"/>
      <c r="AT52" s="1194"/>
      <c r="AU52" s="1194"/>
      <c r="AV52" s="1194"/>
      <c r="AW52" s="1194"/>
      <c r="AX52" s="1194"/>
      <c r="AY52" s="1194"/>
      <c r="AZ52" s="1194"/>
      <c r="BA52" s="1194"/>
      <c r="BB52" s="1194"/>
      <c r="BC52" s="193" t="s">
        <v>0</v>
      </c>
      <c r="BD52" s="201"/>
      <c r="BE52" s="201"/>
      <c r="BF52" s="219">
        <v>41</v>
      </c>
      <c r="BG52" s="329"/>
    </row>
    <row r="53" spans="1:59" ht="33.75" customHeight="1" x14ac:dyDescent="0.2">
      <c r="A53" s="806" t="s">
        <v>74</v>
      </c>
      <c r="B53" s="807"/>
      <c r="C53" s="808"/>
      <c r="D53" s="1185" t="s">
        <v>97</v>
      </c>
      <c r="E53" s="1186"/>
      <c r="F53" s="1186"/>
      <c r="G53" s="1186"/>
      <c r="H53" s="1186"/>
      <c r="I53" s="1187"/>
      <c r="J53" s="1178" t="str">
        <f>IF((SUMIF($AV$29:$AX$48,"&gt;=5.4",$AY$29:$BB$48))=0,"",IF((SUMIF($AV$29:$AX$48,"&gt;=5.4",$AY$29:$BB$48))&lt;=1,1,ROUNDDOWN(SUMIF($AV$29:$AX$48,"&gt;=5.4",$AY$29:$BB$48),0)))</f>
        <v/>
      </c>
      <c r="K53" s="1179"/>
      <c r="L53" s="1179"/>
      <c r="M53" s="1179"/>
      <c r="N53" s="1179"/>
      <c r="O53" s="1179"/>
      <c r="P53" s="119" t="s">
        <v>102</v>
      </c>
      <c r="Q53" s="1146" t="s">
        <v>101</v>
      </c>
      <c r="R53" s="900"/>
      <c r="S53" s="883">
        <v>6000</v>
      </c>
      <c r="T53" s="883"/>
      <c r="U53" s="883"/>
      <c r="V53" s="883"/>
      <c r="W53" s="883"/>
      <c r="X53" s="883"/>
      <c r="Y53" s="80" t="s">
        <v>0</v>
      </c>
      <c r="Z53" s="624" t="str">
        <f>IF(J53="","",(J53*S53))</f>
        <v/>
      </c>
      <c r="AA53" s="624"/>
      <c r="AB53" s="624"/>
      <c r="AC53" s="624"/>
      <c r="AD53" s="624"/>
      <c r="AE53" s="624"/>
      <c r="AF53" s="624"/>
      <c r="AG53" s="624"/>
      <c r="AH53" s="624"/>
      <c r="AI53" s="624"/>
      <c r="AJ53" s="624"/>
      <c r="AK53" s="624"/>
      <c r="AL53" s="624"/>
      <c r="AM53" s="80" t="s">
        <v>0</v>
      </c>
      <c r="AN53" s="1170">
        <f>SUM(Z53:AL54)</f>
        <v>0</v>
      </c>
      <c r="AO53" s="1171"/>
      <c r="AP53" s="1171"/>
      <c r="AQ53" s="1171"/>
      <c r="AR53" s="1171"/>
      <c r="AS53" s="1171"/>
      <c r="AT53" s="1171"/>
      <c r="AU53" s="1171"/>
      <c r="AV53" s="1171"/>
      <c r="AW53" s="1171"/>
      <c r="AX53" s="1171"/>
      <c r="AY53" s="1171"/>
      <c r="AZ53" s="1171"/>
      <c r="BA53" s="1171"/>
      <c r="BB53" s="1171"/>
      <c r="BC53" s="813" t="s">
        <v>0</v>
      </c>
      <c r="BD53" s="201"/>
      <c r="BE53" s="201"/>
      <c r="BF53" s="220">
        <v>42</v>
      </c>
      <c r="BG53" s="329"/>
    </row>
    <row r="54" spans="1:59" ht="33.75" customHeight="1" thickBot="1" x14ac:dyDescent="0.25">
      <c r="A54" s="809"/>
      <c r="B54" s="810"/>
      <c r="C54" s="811"/>
      <c r="D54" s="1188" t="s">
        <v>98</v>
      </c>
      <c r="E54" s="1189"/>
      <c r="F54" s="1189"/>
      <c r="G54" s="1189"/>
      <c r="H54" s="1189"/>
      <c r="I54" s="1190"/>
      <c r="J54" s="1180" t="str">
        <f>IF(SUMIFS($AY$29:$AY$48,$AV$29:$AV$48,"&gt;=2.7",$AV$29:$AV$48,"&lt;5.4")=0,"",IF(SUMIFS($AY$29:$AY$48,$AV$29:$AV$48,"&gt;=2.7",$AV$29:$AV$48,"&lt;5.4")&lt;1,1,ROUNDDOWN(SUMIFS($AY$29:$AY$48,$AV$29:$AV$48,"&gt;=2.7",$AV$29:$AV$48,"&lt;5.4"),0)))</f>
        <v/>
      </c>
      <c r="K54" s="1181"/>
      <c r="L54" s="1181"/>
      <c r="M54" s="1181"/>
      <c r="N54" s="1181"/>
      <c r="O54" s="1181"/>
      <c r="P54" s="120" t="s">
        <v>102</v>
      </c>
      <c r="Q54" s="1147" t="s">
        <v>101</v>
      </c>
      <c r="R54" s="877"/>
      <c r="S54" s="885">
        <v>5000</v>
      </c>
      <c r="T54" s="885"/>
      <c r="U54" s="885"/>
      <c r="V54" s="885"/>
      <c r="W54" s="885"/>
      <c r="X54" s="885"/>
      <c r="Y54" s="84" t="s">
        <v>0</v>
      </c>
      <c r="Z54" s="551" t="str">
        <f>IF(J54="","",(J54*S54))</f>
        <v/>
      </c>
      <c r="AA54" s="551"/>
      <c r="AB54" s="551"/>
      <c r="AC54" s="551"/>
      <c r="AD54" s="551"/>
      <c r="AE54" s="551"/>
      <c r="AF54" s="551"/>
      <c r="AG54" s="551"/>
      <c r="AH54" s="551"/>
      <c r="AI54" s="551"/>
      <c r="AJ54" s="551"/>
      <c r="AK54" s="551"/>
      <c r="AL54" s="551"/>
      <c r="AM54" s="84" t="s">
        <v>0</v>
      </c>
      <c r="AN54" s="1172"/>
      <c r="AO54" s="1173"/>
      <c r="AP54" s="1173"/>
      <c r="AQ54" s="1173"/>
      <c r="AR54" s="1173"/>
      <c r="AS54" s="1173"/>
      <c r="AT54" s="1173"/>
      <c r="AU54" s="1173"/>
      <c r="AV54" s="1173"/>
      <c r="AW54" s="1173"/>
      <c r="AX54" s="1173"/>
      <c r="AY54" s="1173"/>
      <c r="AZ54" s="1173"/>
      <c r="BA54" s="1173"/>
      <c r="BB54" s="1173"/>
      <c r="BC54" s="680"/>
      <c r="BD54" s="201"/>
      <c r="BE54" s="201"/>
      <c r="BF54" s="220">
        <v>43</v>
      </c>
      <c r="BG54" s="329"/>
    </row>
    <row r="55" spans="1:59" ht="37.5" customHeight="1" thickTop="1" thickBot="1" x14ac:dyDescent="0.25">
      <c r="A55" s="783" t="s">
        <v>93</v>
      </c>
      <c r="B55" s="784"/>
      <c r="C55" s="784"/>
      <c r="D55" s="784"/>
      <c r="E55" s="784"/>
      <c r="F55" s="784"/>
      <c r="G55" s="784"/>
      <c r="H55" s="784"/>
      <c r="I55" s="784"/>
      <c r="J55" s="784"/>
      <c r="K55" s="784"/>
      <c r="L55" s="784"/>
      <c r="M55" s="784"/>
      <c r="N55" s="784"/>
      <c r="O55" s="784"/>
      <c r="P55" s="784"/>
      <c r="Q55" s="784"/>
      <c r="R55" s="784"/>
      <c r="S55" s="784"/>
      <c r="T55" s="784"/>
      <c r="U55" s="784"/>
      <c r="V55" s="784"/>
      <c r="W55" s="784"/>
      <c r="X55" s="784"/>
      <c r="Y55" s="784"/>
      <c r="Z55" s="784"/>
      <c r="AA55" s="784"/>
      <c r="AB55" s="784"/>
      <c r="AC55" s="784"/>
      <c r="AD55" s="784"/>
      <c r="AE55" s="784"/>
      <c r="AF55" s="784"/>
      <c r="AG55" s="784"/>
      <c r="AH55" s="784"/>
      <c r="AI55" s="784"/>
      <c r="AJ55" s="784"/>
      <c r="AK55" s="784"/>
      <c r="AL55" s="784"/>
      <c r="AM55" s="785"/>
      <c r="AN55" s="1174">
        <f>SUM(AN52:BB54)</f>
        <v>0</v>
      </c>
      <c r="AO55" s="1175"/>
      <c r="AP55" s="1175"/>
      <c r="AQ55" s="1175"/>
      <c r="AR55" s="1175"/>
      <c r="AS55" s="1175"/>
      <c r="AT55" s="1175"/>
      <c r="AU55" s="1175"/>
      <c r="AV55" s="1175"/>
      <c r="AW55" s="1175"/>
      <c r="AX55" s="1175"/>
      <c r="AY55" s="1175"/>
      <c r="AZ55" s="1175"/>
      <c r="BA55" s="1175"/>
      <c r="BB55" s="1175"/>
      <c r="BC55" s="83" t="s">
        <v>0</v>
      </c>
      <c r="BD55" s="202"/>
      <c r="BE55" s="202"/>
      <c r="BF55" s="220">
        <v>44</v>
      </c>
      <c r="BG55" s="329"/>
    </row>
    <row r="56" spans="1:59" ht="28.5" customHeight="1" x14ac:dyDescent="0.2">
      <c r="BG56" s="1054"/>
    </row>
    <row r="57" spans="1:59" ht="13.2" customHeight="1" x14ac:dyDescent="0.2">
      <c r="BG57" s="1054"/>
    </row>
    <row r="58" spans="1:59" ht="13.2" customHeight="1" x14ac:dyDescent="0.2">
      <c r="BG58" s="1054"/>
    </row>
    <row r="59" spans="1:59" ht="13.2" customHeight="1" x14ac:dyDescent="0.2">
      <c r="BG59" s="1054"/>
    </row>
    <row r="60" spans="1:59" ht="13.2" customHeight="1" x14ac:dyDescent="0.2">
      <c r="BG60" s="1054"/>
    </row>
    <row r="61" spans="1:59" ht="13.2" customHeight="1" x14ac:dyDescent="0.2">
      <c r="BG61" s="1054"/>
    </row>
    <row r="62" spans="1:59" ht="13.2" customHeight="1" x14ac:dyDescent="0.2">
      <c r="BG62" s="1054"/>
    </row>
    <row r="63" spans="1:59" ht="13.2" customHeight="1" x14ac:dyDescent="0.2">
      <c r="BG63" s="1054"/>
    </row>
  </sheetData>
  <sheetProtection algorithmName="SHA-512" hashValue="1JLKTGZjXeDAB1EIkw/Jn/5K9owlSXMD6U86rWdX2/rvI9faTSW5BybezCWPU+QRsjgrf7tHpBp2rtNybqvo7g==" saltValue="ZFYzJsfl/kmz/okTra4cfQ==" spinCount="100000" sheet="1" objects="1" formatColumns="0"/>
  <mergeCells count="388">
    <mergeCell ref="BC47:BC48"/>
    <mergeCell ref="AY43:BB44"/>
    <mergeCell ref="AQ48:AR48"/>
    <mergeCell ref="AS48:AU48"/>
    <mergeCell ref="BC45:BC46"/>
    <mergeCell ref="AQ47:AR47"/>
    <mergeCell ref="AS47:AU47"/>
    <mergeCell ref="S52:X52"/>
    <mergeCell ref="Z52:AL52"/>
    <mergeCell ref="AN52:BB52"/>
    <mergeCell ref="BC43:BC44"/>
    <mergeCell ref="AQ45:AR45"/>
    <mergeCell ref="AS45:AU45"/>
    <mergeCell ref="AV45:AX46"/>
    <mergeCell ref="AY45:BB46"/>
    <mergeCell ref="AV47:AX48"/>
    <mergeCell ref="AY47:BB48"/>
    <mergeCell ref="S53:X53"/>
    <mergeCell ref="Z53:AL53"/>
    <mergeCell ref="AN53:BB54"/>
    <mergeCell ref="S54:X54"/>
    <mergeCell ref="Z54:AL54"/>
    <mergeCell ref="S51:Y51"/>
    <mergeCell ref="A55:AM55"/>
    <mergeCell ref="AN55:BB55"/>
    <mergeCell ref="J52:O52"/>
    <mergeCell ref="J53:O53"/>
    <mergeCell ref="J54:O54"/>
    <mergeCell ref="D52:I52"/>
    <mergeCell ref="D53:I53"/>
    <mergeCell ref="D54:I54"/>
    <mergeCell ref="Q51:R51"/>
    <mergeCell ref="J51:P51"/>
    <mergeCell ref="D51:I51"/>
    <mergeCell ref="BC9:BC10"/>
    <mergeCell ref="G11:N11"/>
    <mergeCell ref="O11:Y11"/>
    <mergeCell ref="Z11:AM11"/>
    <mergeCell ref="AV11:AX12"/>
    <mergeCell ref="AY11:BB12"/>
    <mergeCell ref="BC11:BC12"/>
    <mergeCell ref="G12:N12"/>
    <mergeCell ref="AQ12:AR12"/>
    <mergeCell ref="AS12:AU12"/>
    <mergeCell ref="BC53:BC54"/>
    <mergeCell ref="A52:C52"/>
    <mergeCell ref="A53:C54"/>
    <mergeCell ref="Q52:R52"/>
    <mergeCell ref="Q53:R53"/>
    <mergeCell ref="Q54:R54"/>
    <mergeCell ref="A2:BC2"/>
    <mergeCell ref="A8:C8"/>
    <mergeCell ref="AV8:AX8"/>
    <mergeCell ref="D8:F8"/>
    <mergeCell ref="G8:N8"/>
    <mergeCell ref="O8:Y8"/>
    <mergeCell ref="Z8:AM8"/>
    <mergeCell ref="AN8:AP8"/>
    <mergeCell ref="AQ8:AR8"/>
    <mergeCell ref="AS8:AU8"/>
    <mergeCell ref="AY8:BC8"/>
    <mergeCell ref="AS5:AX7"/>
    <mergeCell ref="AY5:BC7"/>
    <mergeCell ref="A51:C51"/>
    <mergeCell ref="A29:C48"/>
    <mergeCell ref="D29:F29"/>
    <mergeCell ref="G29:N29"/>
    <mergeCell ref="O29:Y29"/>
    <mergeCell ref="AN29:AP29"/>
    <mergeCell ref="D41:F41"/>
    <mergeCell ref="G41:N41"/>
    <mergeCell ref="O41:Y41"/>
    <mergeCell ref="Z41:AM41"/>
    <mergeCell ref="AN41:AP41"/>
    <mergeCell ref="D46:F46"/>
    <mergeCell ref="G46:N46"/>
    <mergeCell ref="O46:Y46"/>
    <mergeCell ref="Z46:AM46"/>
    <mergeCell ref="AN46:AP46"/>
    <mergeCell ref="O44:Y44"/>
    <mergeCell ref="Z44:AM44"/>
    <mergeCell ref="AN44:AP44"/>
    <mergeCell ref="D45:F45"/>
    <mergeCell ref="G45:N45"/>
    <mergeCell ref="O45:Y45"/>
    <mergeCell ref="Z45:AM45"/>
    <mergeCell ref="Z40:AM40"/>
    <mergeCell ref="AN40:AP40"/>
    <mergeCell ref="D31:F31"/>
    <mergeCell ref="G31:N31"/>
    <mergeCell ref="O31:Y31"/>
    <mergeCell ref="Z31:AM31"/>
    <mergeCell ref="D47:F47"/>
    <mergeCell ref="G47:N47"/>
    <mergeCell ref="O47:Y47"/>
    <mergeCell ref="Z47:AM47"/>
    <mergeCell ref="AN47:AP47"/>
    <mergeCell ref="D37:F37"/>
    <mergeCell ref="G37:N37"/>
    <mergeCell ref="AV41:AX42"/>
    <mergeCell ref="AY41:BB42"/>
    <mergeCell ref="AQ44:AR44"/>
    <mergeCell ref="AS44:AU44"/>
    <mergeCell ref="AN45:AP45"/>
    <mergeCell ref="AQ46:AR46"/>
    <mergeCell ref="D43:F43"/>
    <mergeCell ref="G43:N43"/>
    <mergeCell ref="O43:Y43"/>
    <mergeCell ref="Z43:AM43"/>
    <mergeCell ref="AN43:AP43"/>
    <mergeCell ref="AQ43:AR43"/>
    <mergeCell ref="AS43:AU43"/>
    <mergeCell ref="AV43:AX44"/>
    <mergeCell ref="AS46:AU46"/>
    <mergeCell ref="D44:F44"/>
    <mergeCell ref="G44:N44"/>
    <mergeCell ref="AV29:AX30"/>
    <mergeCell ref="AY29:BB30"/>
    <mergeCell ref="A9:C28"/>
    <mergeCell ref="D12:F12"/>
    <mergeCell ref="D23:F23"/>
    <mergeCell ref="G23:N23"/>
    <mergeCell ref="O23:Y23"/>
    <mergeCell ref="Z23:AM23"/>
    <mergeCell ref="AN23:AP23"/>
    <mergeCell ref="AV9:AX10"/>
    <mergeCell ref="AY9:BB10"/>
    <mergeCell ref="D10:F10"/>
    <mergeCell ref="G10:N10"/>
    <mergeCell ref="O10:Y10"/>
    <mergeCell ref="Z10:AM10"/>
    <mergeCell ref="AN10:AP10"/>
    <mergeCell ref="AQ10:AR10"/>
    <mergeCell ref="AS10:AU10"/>
    <mergeCell ref="AN11:AP11"/>
    <mergeCell ref="Z26:AM26"/>
    <mergeCell ref="AN26:AP26"/>
    <mergeCell ref="D25:F25"/>
    <mergeCell ref="G25:N25"/>
    <mergeCell ref="AQ23:AR23"/>
    <mergeCell ref="D48:F48"/>
    <mergeCell ref="G48:N48"/>
    <mergeCell ref="O48:Y48"/>
    <mergeCell ref="Z48:AM48"/>
    <mergeCell ref="AN48:AP48"/>
    <mergeCell ref="Z51:AM51"/>
    <mergeCell ref="AN51:BC51"/>
    <mergeCell ref="AQ26:AR26"/>
    <mergeCell ref="AS26:AU26"/>
    <mergeCell ref="BC29:BC30"/>
    <mergeCell ref="D30:F30"/>
    <mergeCell ref="G30:N30"/>
    <mergeCell ref="BC25:BC26"/>
    <mergeCell ref="D26:F26"/>
    <mergeCell ref="G26:N26"/>
    <mergeCell ref="G28:N28"/>
    <mergeCell ref="AV27:AX28"/>
    <mergeCell ref="AY27:BB28"/>
    <mergeCell ref="AV25:AX26"/>
    <mergeCell ref="AY25:BB26"/>
    <mergeCell ref="D27:F27"/>
    <mergeCell ref="G27:N27"/>
    <mergeCell ref="O27:Y27"/>
    <mergeCell ref="Z27:AM27"/>
    <mergeCell ref="O25:Y25"/>
    <mergeCell ref="Z25:AM25"/>
    <mergeCell ref="AQ41:AR41"/>
    <mergeCell ref="AS41:AU41"/>
    <mergeCell ref="O9:Y9"/>
    <mergeCell ref="Z9:AM9"/>
    <mergeCell ref="AN9:AP9"/>
    <mergeCell ref="AQ9:AR9"/>
    <mergeCell ref="AS9:AU9"/>
    <mergeCell ref="O30:Y30"/>
    <mergeCell ref="Z30:AM30"/>
    <mergeCell ref="AN30:AP30"/>
    <mergeCell ref="AQ30:AR30"/>
    <mergeCell ref="AS30:AU30"/>
    <mergeCell ref="AQ29:AR29"/>
    <mergeCell ref="AS29:AU29"/>
    <mergeCell ref="O26:Y26"/>
    <mergeCell ref="O28:Y28"/>
    <mergeCell ref="Z28:AM28"/>
    <mergeCell ref="AN28:AP28"/>
    <mergeCell ref="AS28:AU28"/>
    <mergeCell ref="AQ28:AR28"/>
    <mergeCell ref="AS25:AU25"/>
    <mergeCell ref="Z29:AM29"/>
    <mergeCell ref="D11:F11"/>
    <mergeCell ref="O12:Y12"/>
    <mergeCell ref="Z12:AM12"/>
    <mergeCell ref="AN12:AP12"/>
    <mergeCell ref="AQ11:AR11"/>
    <mergeCell ref="AS11:AU11"/>
    <mergeCell ref="D9:F9"/>
    <mergeCell ref="G9:N9"/>
    <mergeCell ref="AV23:AX24"/>
    <mergeCell ref="AV19:AX20"/>
    <mergeCell ref="AV21:AX22"/>
    <mergeCell ref="O15:Y15"/>
    <mergeCell ref="Z15:AM15"/>
    <mergeCell ref="AN15:AP15"/>
    <mergeCell ref="AQ15:AR15"/>
    <mergeCell ref="AS15:AU15"/>
    <mergeCell ref="AV15:AX16"/>
    <mergeCell ref="AV13:AX14"/>
    <mergeCell ref="D17:F17"/>
    <mergeCell ref="G17:N17"/>
    <mergeCell ref="O17:Y17"/>
    <mergeCell ref="Z17:AM17"/>
    <mergeCell ref="AN17:AP17"/>
    <mergeCell ref="AQ17:AR17"/>
    <mergeCell ref="AY23:BB24"/>
    <mergeCell ref="BC23:BC24"/>
    <mergeCell ref="D24:F24"/>
    <mergeCell ref="G24:N24"/>
    <mergeCell ref="O24:Y24"/>
    <mergeCell ref="Z24:AM24"/>
    <mergeCell ref="AN24:AP24"/>
    <mergeCell ref="AQ24:AR24"/>
    <mergeCell ref="AS24:AU24"/>
    <mergeCell ref="AS23:AU23"/>
    <mergeCell ref="AN27:AP27"/>
    <mergeCell ref="AQ27:AR27"/>
    <mergeCell ref="AS27:AU27"/>
    <mergeCell ref="BC27:BC28"/>
    <mergeCell ref="D28:F28"/>
    <mergeCell ref="BC41:BC42"/>
    <mergeCell ref="D42:F42"/>
    <mergeCell ref="G42:N42"/>
    <mergeCell ref="O42:Y42"/>
    <mergeCell ref="Z42:AM42"/>
    <mergeCell ref="AN42:AP42"/>
    <mergeCell ref="AQ42:AR42"/>
    <mergeCell ref="AS42:AU42"/>
    <mergeCell ref="AV37:AX38"/>
    <mergeCell ref="AS32:AU32"/>
    <mergeCell ref="D33:F33"/>
    <mergeCell ref="G33:N33"/>
    <mergeCell ref="O33:Y33"/>
    <mergeCell ref="Z33:AM33"/>
    <mergeCell ref="AN33:AP33"/>
    <mergeCell ref="AQ33:AR33"/>
    <mergeCell ref="AS33:AU33"/>
    <mergeCell ref="AV33:AX34"/>
    <mergeCell ref="O40:Y40"/>
    <mergeCell ref="AY19:BB20"/>
    <mergeCell ref="BC19:BC20"/>
    <mergeCell ref="D20:F20"/>
    <mergeCell ref="G20:N20"/>
    <mergeCell ref="O20:Y20"/>
    <mergeCell ref="Z20:AM20"/>
    <mergeCell ref="AN20:AP20"/>
    <mergeCell ref="AQ20:AR20"/>
    <mergeCell ref="AS20:AU20"/>
    <mergeCell ref="D19:F19"/>
    <mergeCell ref="G19:N19"/>
    <mergeCell ref="O19:Y19"/>
    <mergeCell ref="Z19:AM19"/>
    <mergeCell ref="AN19:AP19"/>
    <mergeCell ref="AQ19:AR19"/>
    <mergeCell ref="AS19:AU19"/>
    <mergeCell ref="AY21:BB22"/>
    <mergeCell ref="BC21:BC22"/>
    <mergeCell ref="D22:F22"/>
    <mergeCell ref="G22:N22"/>
    <mergeCell ref="O22:Y22"/>
    <mergeCell ref="Z22:AM22"/>
    <mergeCell ref="AN22:AP22"/>
    <mergeCell ref="AQ22:AR22"/>
    <mergeCell ref="AS22:AU22"/>
    <mergeCell ref="D21:F21"/>
    <mergeCell ref="G21:N21"/>
    <mergeCell ref="O21:Y21"/>
    <mergeCell ref="Z21:AM21"/>
    <mergeCell ref="AY13:BB14"/>
    <mergeCell ref="BC13:BC14"/>
    <mergeCell ref="D14:F14"/>
    <mergeCell ref="G14:N14"/>
    <mergeCell ref="O14:Y14"/>
    <mergeCell ref="Z14:AM14"/>
    <mergeCell ref="AN14:AP14"/>
    <mergeCell ref="AQ14:AR14"/>
    <mergeCell ref="D39:F39"/>
    <mergeCell ref="G39:N39"/>
    <mergeCell ref="O39:Y39"/>
    <mergeCell ref="Z39:AM39"/>
    <mergeCell ref="AN39:AP39"/>
    <mergeCell ref="AQ39:AR39"/>
    <mergeCell ref="AS39:AU39"/>
    <mergeCell ref="AV39:AX40"/>
    <mergeCell ref="AY39:BB40"/>
    <mergeCell ref="AY37:BB38"/>
    <mergeCell ref="BC37:BC38"/>
    <mergeCell ref="D38:F38"/>
    <mergeCell ref="G38:N38"/>
    <mergeCell ref="O38:Y38"/>
    <mergeCell ref="Z38:AM38"/>
    <mergeCell ref="AN38:AP38"/>
    <mergeCell ref="AQ40:AR40"/>
    <mergeCell ref="AS40:AU40"/>
    <mergeCell ref="D13:F13"/>
    <mergeCell ref="G13:N13"/>
    <mergeCell ref="O13:Y13"/>
    <mergeCell ref="Z13:AM13"/>
    <mergeCell ref="AN13:AP13"/>
    <mergeCell ref="AQ13:AR13"/>
    <mergeCell ref="AS13:AU13"/>
    <mergeCell ref="AQ38:AR38"/>
    <mergeCell ref="AS38:AU38"/>
    <mergeCell ref="O37:Y37"/>
    <mergeCell ref="Z37:AM37"/>
    <mergeCell ref="AN37:AP37"/>
    <mergeCell ref="AQ37:AR37"/>
    <mergeCell ref="AS37:AU37"/>
    <mergeCell ref="AN21:AP21"/>
    <mergeCell ref="AQ21:AR21"/>
    <mergeCell ref="AS21:AU21"/>
    <mergeCell ref="AN25:AP25"/>
    <mergeCell ref="AQ25:AR25"/>
    <mergeCell ref="AS14:AU14"/>
    <mergeCell ref="D15:F15"/>
    <mergeCell ref="G15:N15"/>
    <mergeCell ref="AY15:BB16"/>
    <mergeCell ref="BC15:BC16"/>
    <mergeCell ref="D16:F16"/>
    <mergeCell ref="G16:N16"/>
    <mergeCell ref="O16:Y16"/>
    <mergeCell ref="Z16:AM16"/>
    <mergeCell ref="AN16:AP16"/>
    <mergeCell ref="AQ16:AR16"/>
    <mergeCell ref="AS16:AU16"/>
    <mergeCell ref="AS17:AU17"/>
    <mergeCell ref="AV17:AX18"/>
    <mergeCell ref="AY17:BB18"/>
    <mergeCell ref="BC17:BC18"/>
    <mergeCell ref="D18:F18"/>
    <mergeCell ref="G18:N18"/>
    <mergeCell ref="O18:Y18"/>
    <mergeCell ref="Z18:AM18"/>
    <mergeCell ref="AN18:AP18"/>
    <mergeCell ref="AQ18:AR18"/>
    <mergeCell ref="AS18:AU18"/>
    <mergeCell ref="AN31:AP31"/>
    <mergeCell ref="AQ31:AR31"/>
    <mergeCell ref="AS31:AU31"/>
    <mergeCell ref="AV31:AX32"/>
    <mergeCell ref="AY31:BB32"/>
    <mergeCell ref="BC31:BC32"/>
    <mergeCell ref="D32:F32"/>
    <mergeCell ref="G32:N32"/>
    <mergeCell ref="O32:Y32"/>
    <mergeCell ref="Z32:AM32"/>
    <mergeCell ref="AN32:AP32"/>
    <mergeCell ref="AQ32:AR32"/>
    <mergeCell ref="AY33:BB34"/>
    <mergeCell ref="BC33:BC34"/>
    <mergeCell ref="D34:F34"/>
    <mergeCell ref="G34:N34"/>
    <mergeCell ref="O34:Y34"/>
    <mergeCell ref="Z34:AM34"/>
    <mergeCell ref="AN34:AP34"/>
    <mergeCell ref="AQ34:AR34"/>
    <mergeCell ref="AS34:AU34"/>
    <mergeCell ref="BG56:BG57"/>
    <mergeCell ref="BG58:BG59"/>
    <mergeCell ref="BG60:BG61"/>
    <mergeCell ref="BG62:BG63"/>
    <mergeCell ref="AY35:BB36"/>
    <mergeCell ref="BC35:BC36"/>
    <mergeCell ref="D36:F36"/>
    <mergeCell ref="G36:N36"/>
    <mergeCell ref="O36:Y36"/>
    <mergeCell ref="Z36:AM36"/>
    <mergeCell ref="AN36:AP36"/>
    <mergeCell ref="AQ36:AR36"/>
    <mergeCell ref="AS36:AU36"/>
    <mergeCell ref="D35:F35"/>
    <mergeCell ref="G35:N35"/>
    <mergeCell ref="O35:Y35"/>
    <mergeCell ref="Z35:AM35"/>
    <mergeCell ref="AN35:AP35"/>
    <mergeCell ref="AQ35:AR35"/>
    <mergeCell ref="AS35:AU35"/>
    <mergeCell ref="AV35:AX36"/>
    <mergeCell ref="BC39:BC40"/>
    <mergeCell ref="D40:F40"/>
    <mergeCell ref="G40:N40"/>
  </mergeCells>
  <phoneticPr fontId="46"/>
  <conditionalFormatting sqref="BG1:BG7 BG9:BG50 BG52:BG1048576">
    <cfRule type="notContainsBlanks" dxfId="40" priority="1">
      <formula>LEN(TRIM(BG1))&gt;0</formula>
    </cfRule>
  </conditionalFormatting>
  <dataValidations count="6">
    <dataValidation type="custom" imeMode="disabled" allowBlank="1" showInputMessage="1" showErrorMessage="1" errorTitle="入力エラー" error="小数点は第二位まで、三位以下切り捨てで入力して下さい。" sqref="AY9 AY11 AY27 AY23 AY25 AY41 AY47 AY43 AY45 AY29 AY19 AY21 AY37 AY39 AY17 AY13 AY15 AY35 AY31 AY33" xr:uid="{3ED6B602-1FC3-4837-B195-E3BBD995EE70}">
      <formula1>AY9-ROUNDDOWN(AY9,2)=0</formula1>
    </dataValidation>
    <dataValidation type="custom" imeMode="disabled" allowBlank="1" showInputMessage="1" showErrorMessage="1" errorTitle="入力エラー" error="小数点以下第一位を切り捨てで入力して下さい。" sqref="AQ9:AR48" xr:uid="{43DD3715-C141-4C55-9C5F-2D62B832B93B}">
      <formula1>AQ9-ROUNDDOWN(AQ9,0)=0</formula1>
    </dataValidation>
    <dataValidation type="custom" imeMode="disabled" allowBlank="1" showInputMessage="1" showErrorMessage="1" errorTitle="入力エラー" error="小数点は第一位まで、二位以下切り捨てで入力して下さい。" sqref="AS9:AU48" xr:uid="{965DE8D4-DE27-4BCB-8577-27203770C3D1}">
      <formula1>AS9-ROUNDDOWN(AS9,1)=0</formula1>
    </dataValidation>
    <dataValidation type="custom" imeMode="disabled" allowBlank="1" showInputMessage="1" showErrorMessage="1" errorTitle="入力エラー" error="小数点は第三位まで、四位以下四捨五入で入力して下さい。" sqref="AN9:AP48" xr:uid="{E67A7F35-E56B-4970-A1C0-AA2559AC5921}">
      <formula1>AN9-ROUND(AN9,3)=0</formula1>
    </dataValidation>
    <dataValidation type="custom" imeMode="disabled" allowBlank="1" showInputMessage="1" showErrorMessage="1" sqref="AV9:AX48" xr:uid="{1090F8C6-74F8-4224-8331-9596F8440066}">
      <formula1>AV9-ROUNDDOWN(AV9,1)=0</formula1>
    </dataValidation>
    <dataValidation type="custom" imeMode="disabled" operator="equal" allowBlank="1" showInputMessage="1" showErrorMessage="1" errorTitle="文字数エラー" error="SII登録型番を半角大文字の英数字で入力してください。（８文字）" sqref="G9:N48" xr:uid="{31F8054D-25D1-40DB-BAF9-439318FB16E2}">
      <formula1>AND(LENB(G9)=8,EXACT(UPPER(G9),G9))</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headerFooter>
    <oddHeader>&amp;RVERSION 3.0</oddHead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1"/>
  <dimension ref="A1:DZ46"/>
  <sheetViews>
    <sheetView showGridLines="0" showZeros="0" zoomScale="50" zoomScaleNormal="50" zoomScaleSheetLayoutView="50" workbookViewId="0"/>
  </sheetViews>
  <sheetFormatPr defaultColWidth="9" defaultRowHeight="19.2" x14ac:dyDescent="0.2"/>
  <cols>
    <col min="1" max="16" width="3.6640625" style="4" customWidth="1"/>
    <col min="17" max="22" width="4.44140625" style="4" customWidth="1"/>
    <col min="23" max="35" width="3.44140625" style="4" customWidth="1"/>
    <col min="36" max="36" width="3.6640625" style="4" customWidth="1"/>
    <col min="37" max="37" width="4.44140625" style="4" customWidth="1"/>
    <col min="38" max="47" width="3.6640625" style="4" customWidth="1"/>
    <col min="48" max="48" width="3.88671875" style="4" customWidth="1"/>
    <col min="49" max="55" width="3.6640625" style="4" customWidth="1"/>
    <col min="56" max="56" width="3.6640625" style="4" hidden="1" customWidth="1"/>
    <col min="57" max="57" width="3.6640625" style="4" customWidth="1"/>
    <col min="58" max="58" width="5.77734375" style="165" customWidth="1"/>
    <col min="59" max="59" width="51.77734375" style="336" hidden="1" customWidth="1"/>
    <col min="60" max="60" width="51.77734375" style="4" customWidth="1"/>
    <col min="61" max="71" width="3.6640625" style="4" customWidth="1"/>
    <col min="72" max="16384" width="9" style="4"/>
  </cols>
  <sheetData>
    <row r="1" spans="1:59" ht="15.6" customHeight="1" x14ac:dyDescent="0.2">
      <c r="AW1" s="36"/>
      <c r="AX1" s="36"/>
      <c r="AY1" s="36"/>
      <c r="AZ1" s="36"/>
      <c r="BA1" s="36"/>
      <c r="BC1" s="13" t="s">
        <v>1230</v>
      </c>
      <c r="BD1" s="13"/>
      <c r="BE1" s="13"/>
    </row>
    <row r="2" spans="1:59" ht="30" customHeight="1" x14ac:dyDescent="0.2">
      <c r="A2" s="848" t="s">
        <v>1239</v>
      </c>
      <c r="B2" s="849"/>
      <c r="C2" s="849"/>
      <c r="D2" s="849"/>
      <c r="E2" s="849"/>
      <c r="F2" s="849"/>
      <c r="G2" s="849"/>
      <c r="H2" s="849"/>
      <c r="I2" s="849"/>
      <c r="J2" s="849"/>
      <c r="K2" s="849"/>
      <c r="L2" s="849"/>
      <c r="M2" s="849"/>
      <c r="N2" s="849"/>
      <c r="O2" s="849"/>
      <c r="P2" s="849"/>
      <c r="Q2" s="849"/>
      <c r="R2" s="849"/>
      <c r="S2" s="849"/>
      <c r="T2" s="849"/>
      <c r="U2" s="849"/>
      <c r="V2" s="849"/>
      <c r="W2" s="849"/>
      <c r="X2" s="849"/>
      <c r="Y2" s="849"/>
      <c r="Z2" s="849"/>
      <c r="AA2" s="849"/>
      <c r="AB2" s="849"/>
      <c r="AC2" s="849"/>
      <c r="AD2" s="849"/>
      <c r="AE2" s="849"/>
      <c r="AF2" s="849"/>
      <c r="AG2" s="849"/>
      <c r="AH2" s="849"/>
      <c r="AI2" s="849"/>
      <c r="AJ2" s="849"/>
      <c r="AK2" s="849"/>
      <c r="AL2" s="849"/>
      <c r="AM2" s="849"/>
      <c r="AN2" s="849"/>
      <c r="AO2" s="849"/>
      <c r="AP2" s="849"/>
      <c r="AQ2" s="849"/>
      <c r="AR2" s="849"/>
      <c r="AS2" s="849"/>
      <c r="AT2" s="849"/>
      <c r="AU2" s="849"/>
      <c r="AV2" s="849"/>
      <c r="AW2" s="849"/>
      <c r="AX2" s="849"/>
      <c r="AY2" s="849"/>
      <c r="AZ2" s="849"/>
      <c r="BA2" s="849"/>
      <c r="BB2" s="849"/>
      <c r="BC2" s="850"/>
      <c r="BD2" s="198"/>
      <c r="BE2" s="198"/>
      <c r="BF2" s="177"/>
    </row>
    <row r="3" spans="1:59" ht="8.4" customHeight="1" x14ac:dyDescent="0.2">
      <c r="A3" s="12"/>
      <c r="B3" s="12"/>
      <c r="C3" s="12"/>
      <c r="D3" s="12"/>
      <c r="E3" s="12"/>
      <c r="F3" s="12"/>
      <c r="G3" s="12"/>
      <c r="H3" s="12"/>
      <c r="I3" s="12"/>
      <c r="J3" s="12"/>
      <c r="K3" s="12"/>
      <c r="L3" s="12"/>
      <c r="M3" s="12"/>
      <c r="N3" s="12"/>
      <c r="O3" s="12"/>
      <c r="P3" s="12"/>
      <c r="Q3" s="1"/>
      <c r="R3" s="1"/>
      <c r="S3" s="1"/>
      <c r="T3" s="1"/>
      <c r="U3" s="1"/>
      <c r="V3" s="1"/>
      <c r="W3" s="1"/>
      <c r="X3" s="1"/>
      <c r="Y3" s="1"/>
      <c r="Z3" s="1"/>
      <c r="AA3" s="1"/>
      <c r="AB3" s="1"/>
      <c r="AC3" s="1"/>
      <c r="AD3" s="1"/>
      <c r="AE3" s="1"/>
      <c r="AF3" s="1"/>
      <c r="AG3" s="1"/>
      <c r="AH3" s="1"/>
      <c r="AI3" s="1"/>
      <c r="AJ3" s="1"/>
      <c r="AK3" s="1"/>
      <c r="AL3" s="1"/>
      <c r="AM3" s="1"/>
      <c r="AN3" s="1"/>
      <c r="AO3" s="1"/>
      <c r="AP3" s="1"/>
      <c r="AQ3" s="1"/>
      <c r="AR3" s="12"/>
      <c r="AS3" s="12"/>
      <c r="AT3" s="12"/>
      <c r="AU3" s="12"/>
      <c r="AV3" s="12"/>
      <c r="AW3" s="12"/>
      <c r="AX3" s="15"/>
      <c r="AY3" s="271"/>
      <c r="AZ3" s="58"/>
      <c r="BA3" s="271"/>
      <c r="BB3" s="861"/>
      <c r="BC3" s="861"/>
      <c r="BD3" s="132"/>
      <c r="BE3" s="132"/>
      <c r="BF3" s="189"/>
    </row>
    <row r="4" spans="1:59" ht="16.8" customHeight="1" x14ac:dyDescent="0.2">
      <c r="A4" s="100"/>
      <c r="B4" s="101"/>
      <c r="C4" s="102" t="s">
        <v>167</v>
      </c>
      <c r="D4" s="16"/>
      <c r="E4" s="16"/>
      <c r="F4" s="16"/>
      <c r="G4" s="103"/>
      <c r="H4" s="104"/>
      <c r="I4" s="102" t="s">
        <v>968</v>
      </c>
      <c r="J4" s="1"/>
      <c r="K4" s="1"/>
      <c r="L4" s="1"/>
      <c r="M4" s="26"/>
      <c r="N4" s="26"/>
      <c r="O4" s="26"/>
      <c r="P4" s="26"/>
      <c r="Q4" s="26"/>
      <c r="R4" s="26"/>
      <c r="S4" s="26"/>
      <c r="T4" s="26"/>
      <c r="U4" s="34"/>
      <c r="V4" s="34"/>
      <c r="W4" s="34"/>
      <c r="X4" s="34"/>
      <c r="Y4" s="34"/>
      <c r="Z4" s="34"/>
      <c r="AA4" s="34"/>
      <c r="AB4" s="34"/>
      <c r="AC4" s="34"/>
      <c r="AD4" s="34"/>
      <c r="AE4" s="34"/>
      <c r="AF4" s="34"/>
      <c r="AG4" s="34"/>
      <c r="AH4" s="34"/>
      <c r="AI4" s="34"/>
      <c r="AJ4" s="34"/>
      <c r="AK4" s="34"/>
      <c r="AL4" s="34"/>
      <c r="AM4" s="34"/>
      <c r="BB4" s="130"/>
    </row>
    <row r="5" spans="1:59" ht="14.4" customHeight="1" x14ac:dyDescent="0.2">
      <c r="A5" s="25"/>
      <c r="B5" s="25"/>
      <c r="C5" s="25"/>
      <c r="D5" s="9"/>
      <c r="E5" s="9"/>
      <c r="F5" s="9"/>
      <c r="G5" s="9"/>
      <c r="H5" s="9"/>
      <c r="I5" s="9"/>
      <c r="J5" s="9"/>
      <c r="K5" s="9"/>
      <c r="L5" s="9"/>
      <c r="M5" s="9"/>
      <c r="N5" s="9"/>
      <c r="O5" s="9"/>
      <c r="P5" s="9"/>
      <c r="Q5" s="10"/>
      <c r="R5" s="10"/>
      <c r="S5" s="10"/>
      <c r="T5" s="10"/>
      <c r="U5" s="10"/>
      <c r="V5" s="10"/>
      <c r="W5" s="10"/>
      <c r="X5" s="10"/>
      <c r="Y5" s="10"/>
      <c r="Z5" s="10"/>
      <c r="AA5" s="10"/>
      <c r="AB5" s="10"/>
      <c r="AC5" s="10"/>
      <c r="AD5" s="10"/>
      <c r="AE5" s="10"/>
      <c r="AF5" s="10"/>
      <c r="AG5" s="10"/>
      <c r="AH5" s="10"/>
      <c r="AI5" s="11"/>
      <c r="AJ5" s="11"/>
      <c r="AK5" s="10"/>
      <c r="AL5" s="11"/>
      <c r="AM5" s="11"/>
      <c r="AN5" s="11"/>
      <c r="AO5" s="11"/>
      <c r="AP5" s="11"/>
      <c r="AQ5" s="11"/>
      <c r="AR5" s="11"/>
      <c r="AS5" s="11"/>
      <c r="AT5" s="11"/>
      <c r="AU5" s="11"/>
      <c r="AV5" s="11"/>
      <c r="AW5" s="11"/>
      <c r="AX5" s="11"/>
      <c r="AY5" s="11"/>
      <c r="AZ5" s="11"/>
      <c r="BA5" s="11"/>
      <c r="BB5" s="11"/>
      <c r="BC5" s="11"/>
      <c r="BD5" s="204"/>
      <c r="BE5" s="204"/>
      <c r="BF5" s="178"/>
    </row>
    <row r="6" spans="1:59" hidden="1" x14ac:dyDescent="0.2">
      <c r="BF6" s="24"/>
      <c r="BG6" s="337"/>
    </row>
    <row r="7" spans="1:59" hidden="1" x14ac:dyDescent="0.2">
      <c r="BF7" s="24"/>
      <c r="BG7" s="337"/>
    </row>
    <row r="8" spans="1:59" hidden="1" x14ac:dyDescent="0.2">
      <c r="BF8" s="24"/>
      <c r="BG8" s="337"/>
    </row>
    <row r="9" spans="1:59" hidden="1" x14ac:dyDescent="0.2">
      <c r="BF9" s="24"/>
      <c r="BG9" s="337"/>
    </row>
    <row r="10" spans="1:59" hidden="1" x14ac:dyDescent="0.2">
      <c r="BF10" s="24"/>
      <c r="BG10" s="337"/>
    </row>
    <row r="11" spans="1:59" hidden="1" x14ac:dyDescent="0.2">
      <c r="BF11" s="24"/>
      <c r="BG11" s="337"/>
    </row>
    <row r="12" spans="1:59" hidden="1" x14ac:dyDescent="0.2">
      <c r="BF12" s="24"/>
      <c r="BG12" s="337"/>
    </row>
    <row r="13" spans="1:59" hidden="1" x14ac:dyDescent="0.2">
      <c r="BF13" s="24"/>
      <c r="BG13" s="337"/>
    </row>
    <row r="14" spans="1:59" hidden="1" x14ac:dyDescent="0.2">
      <c r="BF14" s="24"/>
      <c r="BG14" s="337"/>
    </row>
    <row r="15" spans="1:59" hidden="1" x14ac:dyDescent="0.2">
      <c r="BF15" s="24"/>
      <c r="BG15" s="337"/>
    </row>
    <row r="16" spans="1:59" hidden="1" x14ac:dyDescent="0.2">
      <c r="BF16" s="24"/>
      <c r="BG16" s="337"/>
    </row>
    <row r="17" spans="1:130" hidden="1" x14ac:dyDescent="0.2">
      <c r="BF17" s="24"/>
      <c r="BG17" s="337"/>
    </row>
    <row r="18" spans="1:130" hidden="1" x14ac:dyDescent="0.2">
      <c r="BF18" s="24"/>
      <c r="BG18" s="337"/>
    </row>
    <row r="19" spans="1:130" hidden="1" x14ac:dyDescent="0.2">
      <c r="BF19" s="24"/>
      <c r="BG19" s="337"/>
    </row>
    <row r="20" spans="1:130" hidden="1" x14ac:dyDescent="0.2">
      <c r="BF20" s="24"/>
      <c r="BG20" s="337"/>
    </row>
    <row r="21" spans="1:130" hidden="1" x14ac:dyDescent="0.2">
      <c r="BF21" s="24"/>
      <c r="BG21" s="337"/>
    </row>
    <row r="22" spans="1:130" ht="15" customHeight="1" thickBot="1" x14ac:dyDescent="0.25">
      <c r="A22" s="28"/>
      <c r="B22" s="28"/>
      <c r="C22" s="28"/>
      <c r="D22" s="28"/>
      <c r="E22" s="28"/>
      <c r="F22" s="28"/>
      <c r="G22" s="28"/>
      <c r="H22" s="28"/>
      <c r="I22" s="28"/>
      <c r="J22" s="28"/>
      <c r="K22" s="28"/>
      <c r="L22" s="28"/>
      <c r="M22" s="28"/>
      <c r="N22" s="28"/>
      <c r="O22" s="28"/>
      <c r="P22" s="28"/>
      <c r="Q22" s="28"/>
      <c r="R22" s="28"/>
      <c r="S22" s="28"/>
      <c r="T22" s="28"/>
      <c r="U22" s="28"/>
      <c r="V22" s="28"/>
      <c r="W22" s="28"/>
      <c r="X22" s="28"/>
      <c r="Y22" s="28"/>
      <c r="Z22" s="28"/>
      <c r="AA22" s="28"/>
      <c r="AB22" s="28"/>
      <c r="AC22" s="28"/>
      <c r="AD22" s="28"/>
      <c r="AE22" s="28"/>
      <c r="AF22" s="28"/>
      <c r="AG22" s="28"/>
      <c r="AH22" s="28"/>
      <c r="AI22" s="28"/>
      <c r="AJ22" s="28"/>
      <c r="AK22" s="28"/>
      <c r="AL22" s="28"/>
      <c r="AM22" s="28"/>
      <c r="AN22" s="28"/>
      <c r="AO22" s="28"/>
      <c r="AP22" s="28"/>
      <c r="AQ22" s="28"/>
      <c r="AR22" s="28"/>
      <c r="AS22" s="28"/>
      <c r="AT22" s="28"/>
      <c r="AU22" s="28"/>
      <c r="AV22" s="28"/>
      <c r="AW22" s="28"/>
      <c r="AX22" s="28"/>
      <c r="AY22" s="28"/>
      <c r="AZ22" s="28"/>
      <c r="BA22" s="28"/>
      <c r="BB22" s="28"/>
      <c r="BC22" s="28"/>
      <c r="BD22" s="28"/>
      <c r="BE22" s="28"/>
    </row>
    <row r="23" spans="1:130" ht="29.25" customHeight="1" thickBot="1" x14ac:dyDescent="0.3">
      <c r="A23" s="629" t="s">
        <v>10</v>
      </c>
      <c r="B23" s="630"/>
      <c r="C23" s="630"/>
      <c r="D23" s="630"/>
      <c r="E23" s="630"/>
      <c r="F23" s="630"/>
      <c r="G23" s="630"/>
      <c r="H23" s="630"/>
      <c r="I23" s="631" t="s">
        <v>41</v>
      </c>
      <c r="J23" s="632"/>
      <c r="K23" s="632"/>
      <c r="L23" s="632"/>
      <c r="M23" s="632"/>
      <c r="N23" s="632"/>
      <c r="O23" s="632"/>
      <c r="P23" s="633"/>
      <c r="Q23" s="35"/>
      <c r="R23" s="35"/>
      <c r="S23" s="35"/>
      <c r="T23" s="35"/>
      <c r="U23" s="35"/>
      <c r="V23" s="35"/>
      <c r="W23" s="35"/>
      <c r="X23" s="35"/>
      <c r="Y23" s="35"/>
      <c r="Z23" s="35"/>
      <c r="AA23" s="35"/>
      <c r="AB23" s="35"/>
      <c r="AC23" s="35"/>
      <c r="AD23" s="35"/>
      <c r="AE23" s="35"/>
      <c r="AF23" s="35"/>
      <c r="AG23" s="35"/>
      <c r="AH23" s="35"/>
      <c r="AI23" s="35"/>
      <c r="AJ23" s="35"/>
      <c r="AK23" s="35"/>
      <c r="AL23" s="35"/>
      <c r="AM23" s="35"/>
      <c r="AV23" s="28"/>
      <c r="AW23" s="1207" t="s">
        <v>138</v>
      </c>
      <c r="AX23" s="1208"/>
      <c r="AY23" s="1208"/>
      <c r="AZ23" s="1208"/>
      <c r="BA23" s="1208"/>
      <c r="BB23" s="1208"/>
      <c r="BC23" s="1208"/>
      <c r="BD23" s="197"/>
      <c r="BE23" s="197"/>
      <c r="BF23" s="190"/>
    </row>
    <row r="24" spans="1:130" ht="7.2" customHeight="1" thickBot="1" x14ac:dyDescent="0.3">
      <c r="A24" s="24"/>
      <c r="B24" s="24"/>
      <c r="C24" s="24"/>
      <c r="D24" s="24"/>
      <c r="E24" s="24"/>
      <c r="F24" s="24"/>
      <c r="G24" s="24"/>
      <c r="H24" s="24"/>
      <c r="I24" s="24"/>
      <c r="J24" s="24"/>
      <c r="K24" s="24"/>
      <c r="L24" s="24"/>
      <c r="M24" s="24"/>
      <c r="N24" s="24"/>
      <c r="O24" s="1"/>
      <c r="P24" s="1"/>
      <c r="Q24" s="1"/>
      <c r="R24" s="1"/>
      <c r="S24" s="1"/>
      <c r="T24" s="1"/>
      <c r="U24" s="1"/>
      <c r="V24" s="1"/>
      <c r="W24" s="1"/>
      <c r="X24" s="1"/>
      <c r="Y24" s="1"/>
      <c r="Z24" s="1"/>
      <c r="AA24" s="1"/>
      <c r="AB24" s="1"/>
      <c r="AC24" s="1"/>
      <c r="AD24" s="1"/>
      <c r="AE24" s="1"/>
      <c r="AF24" s="1"/>
      <c r="AG24" s="1"/>
      <c r="AH24" s="1"/>
      <c r="AI24" s="1"/>
      <c r="AJ24" s="1"/>
      <c r="AK24" s="1"/>
      <c r="AL24" s="1"/>
      <c r="AM24" s="1"/>
      <c r="AN24" s="1"/>
      <c r="AO24" s="1"/>
      <c r="AP24" s="1"/>
      <c r="AQ24" s="1"/>
      <c r="AR24" s="1"/>
      <c r="AS24" s="1"/>
      <c r="AT24" s="1"/>
      <c r="AU24" s="1"/>
      <c r="AV24" s="1"/>
      <c r="AW24" s="1209"/>
      <c r="AX24" s="1209"/>
      <c r="AY24" s="1209"/>
      <c r="AZ24" s="1209"/>
      <c r="BA24" s="1209"/>
      <c r="BB24" s="1209"/>
      <c r="BC24" s="1209"/>
      <c r="BD24" s="197"/>
      <c r="BE24" s="197"/>
      <c r="BF24" s="190"/>
    </row>
    <row r="25" spans="1:130" ht="46.5" customHeight="1" x14ac:dyDescent="0.2">
      <c r="A25" s="1203" t="s">
        <v>8</v>
      </c>
      <c r="B25" s="780"/>
      <c r="C25" s="780"/>
      <c r="D25" s="780"/>
      <c r="E25" s="780"/>
      <c r="F25" s="780"/>
      <c r="G25" s="780"/>
      <c r="H25" s="781"/>
      <c r="I25" s="637" t="s">
        <v>7</v>
      </c>
      <c r="J25" s="638"/>
      <c r="K25" s="638"/>
      <c r="L25" s="638"/>
      <c r="M25" s="638"/>
      <c r="N25" s="638"/>
      <c r="O25" s="638"/>
      <c r="P25" s="638"/>
      <c r="Q25" s="638"/>
      <c r="R25" s="638"/>
      <c r="S25" s="638"/>
      <c r="T25" s="638"/>
      <c r="U25" s="638"/>
      <c r="V25" s="638"/>
      <c r="W25" s="638"/>
      <c r="X25" s="638"/>
      <c r="Y25" s="638"/>
      <c r="Z25" s="639"/>
      <c r="AA25" s="637" t="s">
        <v>2</v>
      </c>
      <c r="AB25" s="638"/>
      <c r="AC25" s="638"/>
      <c r="AD25" s="638"/>
      <c r="AE25" s="638"/>
      <c r="AF25" s="638"/>
      <c r="AG25" s="638"/>
      <c r="AH25" s="638"/>
      <c r="AI25" s="638"/>
      <c r="AJ25" s="638"/>
      <c r="AK25" s="638"/>
      <c r="AL25" s="638"/>
      <c r="AM25" s="638"/>
      <c r="AN25" s="638"/>
      <c r="AO25" s="638"/>
      <c r="AP25" s="638"/>
      <c r="AQ25" s="638"/>
      <c r="AR25" s="638"/>
      <c r="AS25" s="638"/>
      <c r="AT25" s="638"/>
      <c r="AU25" s="638"/>
      <c r="AV25" s="639"/>
      <c r="AW25" s="851" t="s">
        <v>32</v>
      </c>
      <c r="AX25" s="780"/>
      <c r="AY25" s="780"/>
      <c r="AZ25" s="780"/>
      <c r="BA25" s="780"/>
      <c r="BB25" s="780"/>
      <c r="BC25" s="782"/>
      <c r="BD25" s="28"/>
      <c r="BE25" s="28"/>
      <c r="BF25" s="167" t="s">
        <v>656</v>
      </c>
      <c r="BG25" s="339" t="s">
        <v>151</v>
      </c>
    </row>
    <row r="26" spans="1:130" ht="29.25" customHeight="1" x14ac:dyDescent="0.2">
      <c r="A26" s="1204"/>
      <c r="B26" s="1205"/>
      <c r="C26" s="1205"/>
      <c r="D26" s="1205"/>
      <c r="E26" s="1205"/>
      <c r="F26" s="1205"/>
      <c r="G26" s="1205"/>
      <c r="H26" s="1206"/>
      <c r="I26" s="613" t="str">
        <f>IF(A26="","",IFERROR(VLOOKUP(A26,製品リスト!$U$4:$W$1000,2,0),"SII登録型番を正しく入力してください"))</f>
        <v/>
      </c>
      <c r="J26" s="614"/>
      <c r="K26" s="614"/>
      <c r="L26" s="614"/>
      <c r="M26" s="614"/>
      <c r="N26" s="614"/>
      <c r="O26" s="614"/>
      <c r="P26" s="614"/>
      <c r="Q26" s="614"/>
      <c r="R26" s="614"/>
      <c r="S26" s="614"/>
      <c r="T26" s="614"/>
      <c r="U26" s="614"/>
      <c r="V26" s="614"/>
      <c r="W26" s="614"/>
      <c r="X26" s="614"/>
      <c r="Y26" s="614"/>
      <c r="Z26" s="615"/>
      <c r="AA26" s="613" t="str">
        <f>IF(A26="","",IFERROR(VLOOKUP(A26,製品リスト!$U$4:$W$1000,3,0),"SII登録型番を正しく入力してください"))</f>
        <v/>
      </c>
      <c r="AB26" s="614"/>
      <c r="AC26" s="614"/>
      <c r="AD26" s="614"/>
      <c r="AE26" s="614"/>
      <c r="AF26" s="614"/>
      <c r="AG26" s="614"/>
      <c r="AH26" s="614"/>
      <c r="AI26" s="614"/>
      <c r="AJ26" s="614"/>
      <c r="AK26" s="614"/>
      <c r="AL26" s="614"/>
      <c r="AM26" s="614"/>
      <c r="AN26" s="614"/>
      <c r="AO26" s="614"/>
      <c r="AP26" s="614"/>
      <c r="AQ26" s="614"/>
      <c r="AR26" s="614"/>
      <c r="AS26" s="614"/>
      <c r="AT26" s="614"/>
      <c r="AU26" s="614"/>
      <c r="AV26" s="615"/>
      <c r="AW26" s="852"/>
      <c r="AX26" s="853"/>
      <c r="AY26" s="853"/>
      <c r="AZ26" s="853"/>
      <c r="BA26" s="853"/>
      <c r="BB26" s="853"/>
      <c r="BC26" s="71" t="s">
        <v>13</v>
      </c>
      <c r="BD26" s="203"/>
      <c r="BE26" s="203"/>
      <c r="BF26" s="345">
        <v>1</v>
      </c>
      <c r="BG26" s="329"/>
    </row>
    <row r="27" spans="1:130" s="269" customFormat="1" ht="28.5" customHeight="1" x14ac:dyDescent="0.2">
      <c r="A27" s="1195"/>
      <c r="B27" s="948"/>
      <c r="C27" s="948"/>
      <c r="D27" s="948"/>
      <c r="E27" s="948"/>
      <c r="F27" s="948"/>
      <c r="G27" s="948"/>
      <c r="H27" s="949"/>
      <c r="I27" s="602" t="str">
        <f>IF(A27="","",IFERROR(VLOOKUP(A27,製品リスト!$U$4:$W$1000,2,0),"SII登録型番を正しく入力してください"))</f>
        <v/>
      </c>
      <c r="J27" s="603"/>
      <c r="K27" s="603"/>
      <c r="L27" s="603"/>
      <c r="M27" s="603"/>
      <c r="N27" s="603"/>
      <c r="O27" s="603"/>
      <c r="P27" s="603"/>
      <c r="Q27" s="603"/>
      <c r="R27" s="603"/>
      <c r="S27" s="603"/>
      <c r="T27" s="603"/>
      <c r="U27" s="603"/>
      <c r="V27" s="603"/>
      <c r="W27" s="603"/>
      <c r="X27" s="603"/>
      <c r="Y27" s="603"/>
      <c r="Z27" s="604"/>
      <c r="AA27" s="602" t="str">
        <f>IF(A27="","",IFERROR(VLOOKUP(A27,製品リスト!$U$4:$W$1000,3,0),"SII登録型番を正しく入力してください"))</f>
        <v/>
      </c>
      <c r="AB27" s="603"/>
      <c r="AC27" s="603"/>
      <c r="AD27" s="603"/>
      <c r="AE27" s="603"/>
      <c r="AF27" s="603"/>
      <c r="AG27" s="603"/>
      <c r="AH27" s="603"/>
      <c r="AI27" s="603"/>
      <c r="AJ27" s="603"/>
      <c r="AK27" s="603"/>
      <c r="AL27" s="603"/>
      <c r="AM27" s="603"/>
      <c r="AN27" s="603"/>
      <c r="AO27" s="603"/>
      <c r="AP27" s="603"/>
      <c r="AQ27" s="603"/>
      <c r="AR27" s="603"/>
      <c r="AS27" s="603"/>
      <c r="AT27" s="603"/>
      <c r="AU27" s="603"/>
      <c r="AV27" s="604"/>
      <c r="AW27" s="839"/>
      <c r="AX27" s="840"/>
      <c r="AY27" s="840"/>
      <c r="AZ27" s="840"/>
      <c r="BA27" s="840"/>
      <c r="BB27" s="840"/>
      <c r="BC27" s="72" t="s">
        <v>13</v>
      </c>
      <c r="BD27" s="203"/>
      <c r="BE27" s="203"/>
      <c r="BF27" s="345">
        <v>2</v>
      </c>
      <c r="BG27" s="329"/>
      <c r="BH27" s="1"/>
      <c r="BI27" s="1"/>
      <c r="BJ27" s="1"/>
      <c r="BK27" s="1"/>
      <c r="BL27" s="1"/>
      <c r="BM27" s="1"/>
      <c r="BN27" s="1"/>
      <c r="BO27" s="1"/>
      <c r="BP27" s="1"/>
      <c r="BQ27" s="1"/>
      <c r="BR27" s="1"/>
      <c r="BS27" s="1"/>
      <c r="BT27" s="1"/>
      <c r="BU27" s="1"/>
      <c r="BV27" s="1"/>
      <c r="BW27" s="1"/>
      <c r="BX27" s="1"/>
      <c r="BY27" s="1"/>
      <c r="BZ27" s="1"/>
      <c r="CA27" s="1"/>
      <c r="CB27" s="1"/>
      <c r="CC27" s="1"/>
      <c r="CD27" s="1"/>
      <c r="CE27" s="1"/>
      <c r="CF27" s="1"/>
      <c r="CG27" s="1"/>
      <c r="CH27" s="1"/>
      <c r="CI27" s="1"/>
      <c r="CJ27" s="1"/>
      <c r="CK27" s="1"/>
      <c r="CL27" s="1"/>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row>
    <row r="28" spans="1:130" s="269" customFormat="1" ht="28.5" customHeight="1" x14ac:dyDescent="0.2">
      <c r="A28" s="1195"/>
      <c r="B28" s="948"/>
      <c r="C28" s="948"/>
      <c r="D28" s="948"/>
      <c r="E28" s="948"/>
      <c r="F28" s="948"/>
      <c r="G28" s="948"/>
      <c r="H28" s="949"/>
      <c r="I28" s="602" t="str">
        <f>IF(A28="","",IFERROR(VLOOKUP(A28,製品リスト!$U$4:$W$1000,2,0),"SII登録型番を正しく入力してください"))</f>
        <v/>
      </c>
      <c r="J28" s="603"/>
      <c r="K28" s="603"/>
      <c r="L28" s="603"/>
      <c r="M28" s="603"/>
      <c r="N28" s="603"/>
      <c r="O28" s="603"/>
      <c r="P28" s="603"/>
      <c r="Q28" s="603"/>
      <c r="R28" s="603"/>
      <c r="S28" s="603"/>
      <c r="T28" s="603"/>
      <c r="U28" s="603"/>
      <c r="V28" s="603"/>
      <c r="W28" s="603"/>
      <c r="X28" s="603"/>
      <c r="Y28" s="603"/>
      <c r="Z28" s="604"/>
      <c r="AA28" s="602" t="str">
        <f>IF(A28="","",IFERROR(VLOOKUP(A28,製品リスト!$U$4:$W$1000,3,0),"SII登録型番を正しく入力してください"))</f>
        <v/>
      </c>
      <c r="AB28" s="603"/>
      <c r="AC28" s="603"/>
      <c r="AD28" s="603"/>
      <c r="AE28" s="603"/>
      <c r="AF28" s="603"/>
      <c r="AG28" s="603"/>
      <c r="AH28" s="603"/>
      <c r="AI28" s="603"/>
      <c r="AJ28" s="603"/>
      <c r="AK28" s="603"/>
      <c r="AL28" s="603"/>
      <c r="AM28" s="603"/>
      <c r="AN28" s="603"/>
      <c r="AO28" s="603"/>
      <c r="AP28" s="603"/>
      <c r="AQ28" s="603"/>
      <c r="AR28" s="603"/>
      <c r="AS28" s="603"/>
      <c r="AT28" s="603"/>
      <c r="AU28" s="603"/>
      <c r="AV28" s="604"/>
      <c r="AW28" s="839"/>
      <c r="AX28" s="840"/>
      <c r="AY28" s="840"/>
      <c r="AZ28" s="840"/>
      <c r="BA28" s="840"/>
      <c r="BB28" s="840"/>
      <c r="BC28" s="72" t="s">
        <v>13</v>
      </c>
      <c r="BD28" s="203"/>
      <c r="BE28" s="203"/>
      <c r="BF28" s="345">
        <v>3</v>
      </c>
      <c r="BG28" s="329"/>
      <c r="BH28" s="1"/>
      <c r="BI28" s="1"/>
      <c r="BJ28" s="1"/>
      <c r="BK28" s="1"/>
      <c r="BL28" s="1"/>
      <c r="BM28" s="1"/>
      <c r="BN28" s="1"/>
      <c r="BO28" s="1"/>
      <c r="BP28" s="1"/>
      <c r="BQ28" s="1"/>
      <c r="BR28" s="1"/>
      <c r="BS28" s="1"/>
      <c r="BT28" s="1"/>
      <c r="BU28" s="1"/>
      <c r="BV28" s="1"/>
      <c r="BW28" s="1"/>
      <c r="BX28" s="1"/>
      <c r="BY28" s="1"/>
      <c r="BZ28" s="1"/>
      <c r="CA28" s="1"/>
      <c r="CB28" s="1"/>
      <c r="CC28" s="1"/>
      <c r="CD28" s="1"/>
      <c r="CE28" s="1"/>
      <c r="CF28" s="1"/>
      <c r="CG28" s="1"/>
      <c r="CH28" s="1"/>
      <c r="CI28" s="1"/>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row>
    <row r="29" spans="1:130" s="269" customFormat="1" ht="28.5" customHeight="1" x14ac:dyDescent="0.2">
      <c r="A29" s="1195"/>
      <c r="B29" s="948"/>
      <c r="C29" s="948"/>
      <c r="D29" s="948"/>
      <c r="E29" s="948"/>
      <c r="F29" s="948"/>
      <c r="G29" s="948"/>
      <c r="H29" s="949"/>
      <c r="I29" s="602" t="str">
        <f>IF(A29="","",IFERROR(VLOOKUP(A29,製品リスト!$U$4:$W$1000,2,0),"SII登録型番を正しく入力してください"))</f>
        <v/>
      </c>
      <c r="J29" s="603"/>
      <c r="K29" s="603"/>
      <c r="L29" s="603"/>
      <c r="M29" s="603"/>
      <c r="N29" s="603"/>
      <c r="O29" s="603"/>
      <c r="P29" s="603"/>
      <c r="Q29" s="603"/>
      <c r="R29" s="603"/>
      <c r="S29" s="603"/>
      <c r="T29" s="603"/>
      <c r="U29" s="603"/>
      <c r="V29" s="603"/>
      <c r="W29" s="603"/>
      <c r="X29" s="603"/>
      <c r="Y29" s="603"/>
      <c r="Z29" s="604"/>
      <c r="AA29" s="602" t="str">
        <f>IF(A29="","",IFERROR(VLOOKUP(A29,製品リスト!$U$4:$W$1000,3,0),"SII登録型番を正しく入力してください"))</f>
        <v/>
      </c>
      <c r="AB29" s="603"/>
      <c r="AC29" s="603"/>
      <c r="AD29" s="603"/>
      <c r="AE29" s="603"/>
      <c r="AF29" s="603"/>
      <c r="AG29" s="603"/>
      <c r="AH29" s="603"/>
      <c r="AI29" s="603"/>
      <c r="AJ29" s="603"/>
      <c r="AK29" s="603"/>
      <c r="AL29" s="603"/>
      <c r="AM29" s="603"/>
      <c r="AN29" s="603"/>
      <c r="AO29" s="603"/>
      <c r="AP29" s="603"/>
      <c r="AQ29" s="603"/>
      <c r="AR29" s="603"/>
      <c r="AS29" s="603"/>
      <c r="AT29" s="603"/>
      <c r="AU29" s="603"/>
      <c r="AV29" s="604"/>
      <c r="AW29" s="839"/>
      <c r="AX29" s="840"/>
      <c r="AY29" s="840"/>
      <c r="AZ29" s="840"/>
      <c r="BA29" s="840"/>
      <c r="BB29" s="840"/>
      <c r="BC29" s="72" t="s">
        <v>13</v>
      </c>
      <c r="BD29" s="203"/>
      <c r="BE29" s="203"/>
      <c r="BF29" s="345">
        <v>4</v>
      </c>
      <c r="BG29" s="329"/>
      <c r="BH29" s="1"/>
      <c r="BI29" s="1"/>
      <c r="BJ29" s="1"/>
      <c r="BK29" s="1"/>
      <c r="BL29" s="1"/>
      <c r="BM29" s="1"/>
      <c r="BN29" s="1"/>
      <c r="BO29" s="1"/>
      <c r="BP29" s="1"/>
      <c r="BQ29" s="1"/>
      <c r="BR29" s="1"/>
      <c r="BS29" s="1"/>
      <c r="BT29" s="1"/>
      <c r="BU29" s="1"/>
      <c r="BV29" s="1"/>
      <c r="BW29" s="1"/>
      <c r="BX29" s="1"/>
      <c r="BY29" s="1"/>
      <c r="BZ29" s="1"/>
      <c r="CA29" s="1"/>
      <c r="CB29" s="1"/>
      <c r="CC29" s="1"/>
      <c r="CD29" s="1"/>
      <c r="CE29" s="1"/>
      <c r="CF29" s="1"/>
      <c r="CG29" s="1"/>
      <c r="CH29" s="1"/>
      <c r="CI29" s="1"/>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row>
    <row r="30" spans="1:130" s="269" customFormat="1" ht="28.5" customHeight="1" x14ac:dyDescent="0.2">
      <c r="A30" s="1195"/>
      <c r="B30" s="948"/>
      <c r="C30" s="948"/>
      <c r="D30" s="948"/>
      <c r="E30" s="948"/>
      <c r="F30" s="948"/>
      <c r="G30" s="948"/>
      <c r="H30" s="949"/>
      <c r="I30" s="602" t="str">
        <f>IF(A30="","",IFERROR(VLOOKUP(A30,製品リスト!$U$4:$W$1000,2,0),"SII登録型番を正しく入力してください"))</f>
        <v/>
      </c>
      <c r="J30" s="603"/>
      <c r="K30" s="603"/>
      <c r="L30" s="603"/>
      <c r="M30" s="603"/>
      <c r="N30" s="603"/>
      <c r="O30" s="603"/>
      <c r="P30" s="603"/>
      <c r="Q30" s="603"/>
      <c r="R30" s="603"/>
      <c r="S30" s="603"/>
      <c r="T30" s="603"/>
      <c r="U30" s="603"/>
      <c r="V30" s="603"/>
      <c r="W30" s="603"/>
      <c r="X30" s="603"/>
      <c r="Y30" s="603"/>
      <c r="Z30" s="604"/>
      <c r="AA30" s="602" t="str">
        <f>IF(A30="","",IFERROR(VLOOKUP(A30,製品リスト!$U$4:$W$1000,3,0),"SII登録型番を正しく入力してください"))</f>
        <v/>
      </c>
      <c r="AB30" s="603"/>
      <c r="AC30" s="603"/>
      <c r="AD30" s="603"/>
      <c r="AE30" s="603"/>
      <c r="AF30" s="603"/>
      <c r="AG30" s="603"/>
      <c r="AH30" s="603"/>
      <c r="AI30" s="603"/>
      <c r="AJ30" s="603"/>
      <c r="AK30" s="603"/>
      <c r="AL30" s="603"/>
      <c r="AM30" s="603"/>
      <c r="AN30" s="603"/>
      <c r="AO30" s="603"/>
      <c r="AP30" s="603"/>
      <c r="AQ30" s="603"/>
      <c r="AR30" s="603"/>
      <c r="AS30" s="603"/>
      <c r="AT30" s="603"/>
      <c r="AU30" s="603"/>
      <c r="AV30" s="604"/>
      <c r="AW30" s="839"/>
      <c r="AX30" s="840"/>
      <c r="AY30" s="840"/>
      <c r="AZ30" s="840"/>
      <c r="BA30" s="840"/>
      <c r="BB30" s="840"/>
      <c r="BC30" s="72" t="s">
        <v>13</v>
      </c>
      <c r="BD30" s="203"/>
      <c r="BE30" s="203"/>
      <c r="BF30" s="345">
        <v>5</v>
      </c>
      <c r="BG30" s="329"/>
      <c r="BH30" s="1"/>
      <c r="BI30" s="1"/>
      <c r="BJ30" s="1"/>
      <c r="BK30" s="1"/>
      <c r="BL30" s="1"/>
      <c r="BM30" s="1"/>
      <c r="BN30" s="1"/>
      <c r="BO30" s="1"/>
      <c r="BP30" s="1"/>
      <c r="BQ30" s="1"/>
      <c r="BR30" s="1"/>
      <c r="BS30" s="1"/>
      <c r="BT30" s="1"/>
      <c r="BU30" s="1"/>
      <c r="BV30" s="1"/>
      <c r="BW30" s="1"/>
      <c r="BX30" s="1"/>
      <c r="BY30" s="1"/>
      <c r="BZ30" s="1"/>
      <c r="CA30" s="1"/>
      <c r="CB30" s="1"/>
      <c r="CC30" s="1"/>
      <c r="CD30" s="1"/>
      <c r="CE30" s="1"/>
      <c r="CF30" s="1"/>
      <c r="CG30" s="1"/>
      <c r="CH30" s="1"/>
      <c r="CI30" s="1"/>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row>
    <row r="31" spans="1:130" s="269" customFormat="1" ht="28.5" customHeight="1" x14ac:dyDescent="0.2">
      <c r="A31" s="1195"/>
      <c r="B31" s="948"/>
      <c r="C31" s="948"/>
      <c r="D31" s="948"/>
      <c r="E31" s="948"/>
      <c r="F31" s="948"/>
      <c r="G31" s="948"/>
      <c r="H31" s="949"/>
      <c r="I31" s="602" t="str">
        <f>IF(A31="","",IFERROR(VLOOKUP(A31,製品リスト!$U$4:$W$1000,2,0),"SII登録型番を正しく入力してください"))</f>
        <v/>
      </c>
      <c r="J31" s="603"/>
      <c r="K31" s="603"/>
      <c r="L31" s="603"/>
      <c r="M31" s="603"/>
      <c r="N31" s="603"/>
      <c r="O31" s="603"/>
      <c r="P31" s="603"/>
      <c r="Q31" s="603"/>
      <c r="R31" s="603"/>
      <c r="S31" s="603"/>
      <c r="T31" s="603"/>
      <c r="U31" s="603"/>
      <c r="V31" s="603"/>
      <c r="W31" s="603"/>
      <c r="X31" s="603"/>
      <c r="Y31" s="603"/>
      <c r="Z31" s="604"/>
      <c r="AA31" s="602" t="str">
        <f>IF(A31="","",IFERROR(VLOOKUP(A31,製品リスト!$U$4:$W$1000,3,0),"SII登録型番を正しく入力してください"))</f>
        <v/>
      </c>
      <c r="AB31" s="603"/>
      <c r="AC31" s="603"/>
      <c r="AD31" s="603"/>
      <c r="AE31" s="603"/>
      <c r="AF31" s="603"/>
      <c r="AG31" s="603"/>
      <c r="AH31" s="603"/>
      <c r="AI31" s="603"/>
      <c r="AJ31" s="603"/>
      <c r="AK31" s="603"/>
      <c r="AL31" s="603"/>
      <c r="AM31" s="603"/>
      <c r="AN31" s="603"/>
      <c r="AO31" s="603"/>
      <c r="AP31" s="603"/>
      <c r="AQ31" s="603"/>
      <c r="AR31" s="603"/>
      <c r="AS31" s="603"/>
      <c r="AT31" s="603"/>
      <c r="AU31" s="603"/>
      <c r="AV31" s="604"/>
      <c r="AW31" s="839"/>
      <c r="AX31" s="840"/>
      <c r="AY31" s="840"/>
      <c r="AZ31" s="840"/>
      <c r="BA31" s="840"/>
      <c r="BB31" s="840"/>
      <c r="BC31" s="72" t="s">
        <v>13</v>
      </c>
      <c r="BD31" s="203"/>
      <c r="BE31" s="203"/>
      <c r="BF31" s="345">
        <v>6</v>
      </c>
      <c r="BG31" s="329"/>
      <c r="BH31" s="1"/>
      <c r="BI31" s="1"/>
      <c r="BJ31" s="1"/>
      <c r="BK31" s="1"/>
      <c r="BL31" s="1"/>
      <c r="BM31" s="1"/>
      <c r="BN31" s="1"/>
      <c r="BO31" s="1"/>
      <c r="BP31" s="1"/>
      <c r="BQ31" s="1"/>
      <c r="BR31" s="1"/>
      <c r="BS31" s="1"/>
      <c r="BT31" s="1"/>
      <c r="BU31" s="1"/>
      <c r="BV31" s="1"/>
      <c r="BW31" s="1"/>
      <c r="BX31" s="1"/>
      <c r="BY31" s="1"/>
      <c r="BZ31" s="1"/>
      <c r="CA31" s="1"/>
      <c r="CB31" s="1"/>
      <c r="CC31" s="1"/>
      <c r="CD31" s="1"/>
      <c r="CE31" s="1"/>
      <c r="CF31" s="1"/>
      <c r="CG31" s="1"/>
      <c r="CH31" s="1"/>
      <c r="CI31" s="1"/>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row>
    <row r="32" spans="1:130" s="269" customFormat="1" ht="28.5" customHeight="1" x14ac:dyDescent="0.2">
      <c r="A32" s="1195"/>
      <c r="B32" s="948"/>
      <c r="C32" s="948"/>
      <c r="D32" s="948"/>
      <c r="E32" s="948"/>
      <c r="F32" s="948"/>
      <c r="G32" s="948"/>
      <c r="H32" s="949"/>
      <c r="I32" s="602" t="str">
        <f>IF(A32="","",IFERROR(VLOOKUP(A32,製品リスト!$U$4:$W$1000,2,0),"SII登録型番を正しく入力してください"))</f>
        <v/>
      </c>
      <c r="J32" s="603"/>
      <c r="K32" s="603"/>
      <c r="L32" s="603"/>
      <c r="M32" s="603"/>
      <c r="N32" s="603"/>
      <c r="O32" s="603"/>
      <c r="P32" s="603"/>
      <c r="Q32" s="603"/>
      <c r="R32" s="603"/>
      <c r="S32" s="603"/>
      <c r="T32" s="603"/>
      <c r="U32" s="603"/>
      <c r="V32" s="603"/>
      <c r="W32" s="603"/>
      <c r="X32" s="603"/>
      <c r="Y32" s="603"/>
      <c r="Z32" s="604"/>
      <c r="AA32" s="602" t="str">
        <f>IF(A32="","",IFERROR(VLOOKUP(A32,製品リスト!$U$4:$W$1000,3,0),"SII登録型番を正しく入力してください"))</f>
        <v/>
      </c>
      <c r="AB32" s="603"/>
      <c r="AC32" s="603"/>
      <c r="AD32" s="603"/>
      <c r="AE32" s="603"/>
      <c r="AF32" s="603"/>
      <c r="AG32" s="603"/>
      <c r="AH32" s="603"/>
      <c r="AI32" s="603"/>
      <c r="AJ32" s="603"/>
      <c r="AK32" s="603"/>
      <c r="AL32" s="603"/>
      <c r="AM32" s="603"/>
      <c r="AN32" s="603"/>
      <c r="AO32" s="603"/>
      <c r="AP32" s="603"/>
      <c r="AQ32" s="603"/>
      <c r="AR32" s="603"/>
      <c r="AS32" s="603"/>
      <c r="AT32" s="603"/>
      <c r="AU32" s="603"/>
      <c r="AV32" s="604"/>
      <c r="AW32" s="839"/>
      <c r="AX32" s="840"/>
      <c r="AY32" s="840"/>
      <c r="AZ32" s="840"/>
      <c r="BA32" s="840"/>
      <c r="BB32" s="840"/>
      <c r="BC32" s="72" t="s">
        <v>13</v>
      </c>
      <c r="BD32" s="203"/>
      <c r="BE32" s="203"/>
      <c r="BF32" s="345">
        <v>7</v>
      </c>
      <c r="BG32" s="329"/>
      <c r="BH32" s="1"/>
      <c r="BI32" s="1"/>
      <c r="BJ32" s="1"/>
      <c r="BK32" s="1"/>
      <c r="BL32" s="1"/>
      <c r="BM32" s="1"/>
      <c r="BN32" s="1"/>
      <c r="BO32" s="1"/>
      <c r="BP32" s="1"/>
      <c r="BQ32" s="1"/>
      <c r="BR32" s="1"/>
      <c r="BS32" s="1"/>
      <c r="BT32" s="1"/>
      <c r="BU32" s="1"/>
      <c r="BV32" s="1"/>
      <c r="BW32" s="1"/>
      <c r="BX32" s="1"/>
      <c r="BY32" s="1"/>
      <c r="BZ32" s="1"/>
      <c r="CA32" s="1"/>
      <c r="CB32" s="1"/>
      <c r="CC32" s="1"/>
      <c r="CD32" s="1"/>
      <c r="CE32" s="1"/>
      <c r="CF32" s="1"/>
      <c r="CG32" s="1"/>
      <c r="CH32" s="1"/>
      <c r="CI32" s="1"/>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row>
    <row r="33" spans="1:130" s="269" customFormat="1" ht="28.5" customHeight="1" x14ac:dyDescent="0.2">
      <c r="A33" s="1195"/>
      <c r="B33" s="948"/>
      <c r="C33" s="948"/>
      <c r="D33" s="948"/>
      <c r="E33" s="948"/>
      <c r="F33" s="948"/>
      <c r="G33" s="948"/>
      <c r="H33" s="949"/>
      <c r="I33" s="602" t="str">
        <f>IF(A33="","",IFERROR(VLOOKUP(A33,製品リスト!$U$4:$W$1000,2,0),"SII登録型番を正しく入力してください"))</f>
        <v/>
      </c>
      <c r="J33" s="603"/>
      <c r="K33" s="603"/>
      <c r="L33" s="603"/>
      <c r="M33" s="603"/>
      <c r="N33" s="603"/>
      <c r="O33" s="603"/>
      <c r="P33" s="603"/>
      <c r="Q33" s="603"/>
      <c r="R33" s="603"/>
      <c r="S33" s="603"/>
      <c r="T33" s="603"/>
      <c r="U33" s="603"/>
      <c r="V33" s="603"/>
      <c r="W33" s="603"/>
      <c r="X33" s="603"/>
      <c r="Y33" s="603"/>
      <c r="Z33" s="604"/>
      <c r="AA33" s="602" t="str">
        <f>IF(A33="","",IFERROR(VLOOKUP(A33,製品リスト!$U$4:$W$1000,3,0),"SII登録型番を正しく入力してください"))</f>
        <v/>
      </c>
      <c r="AB33" s="603"/>
      <c r="AC33" s="603"/>
      <c r="AD33" s="603"/>
      <c r="AE33" s="603"/>
      <c r="AF33" s="603"/>
      <c r="AG33" s="603"/>
      <c r="AH33" s="603"/>
      <c r="AI33" s="603"/>
      <c r="AJ33" s="603"/>
      <c r="AK33" s="603"/>
      <c r="AL33" s="603"/>
      <c r="AM33" s="603"/>
      <c r="AN33" s="603"/>
      <c r="AO33" s="603"/>
      <c r="AP33" s="603"/>
      <c r="AQ33" s="603"/>
      <c r="AR33" s="603"/>
      <c r="AS33" s="603"/>
      <c r="AT33" s="603"/>
      <c r="AU33" s="603"/>
      <c r="AV33" s="604"/>
      <c r="AW33" s="839"/>
      <c r="AX33" s="840"/>
      <c r="AY33" s="840"/>
      <c r="AZ33" s="840"/>
      <c r="BA33" s="840"/>
      <c r="BB33" s="840"/>
      <c r="BC33" s="72" t="s">
        <v>13</v>
      </c>
      <c r="BD33" s="203"/>
      <c r="BE33" s="203"/>
      <c r="BF33" s="345">
        <v>8</v>
      </c>
      <c r="BG33" s="329"/>
      <c r="BH33" s="1"/>
      <c r="BI33" s="1"/>
      <c r="BJ33" s="1"/>
      <c r="BK33" s="1"/>
      <c r="BL33" s="1"/>
      <c r="BM33" s="1"/>
      <c r="BN33" s="1"/>
      <c r="BO33" s="1"/>
      <c r="BP33" s="1"/>
      <c r="BQ33" s="1"/>
      <c r="BR33" s="1"/>
      <c r="BS33" s="1"/>
      <c r="BT33" s="1"/>
      <c r="BU33" s="1"/>
      <c r="BV33" s="1"/>
      <c r="BW33" s="1"/>
      <c r="BX33" s="1"/>
      <c r="BY33" s="1"/>
      <c r="BZ33" s="1"/>
      <c r="CA33" s="1"/>
      <c r="CB33" s="1"/>
      <c r="CC33" s="1"/>
      <c r="CD33" s="1"/>
      <c r="CE33" s="1"/>
      <c r="CF33" s="1"/>
      <c r="CG33" s="1"/>
      <c r="CH33" s="1"/>
      <c r="CI33" s="1"/>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row>
    <row r="34" spans="1:130" s="269" customFormat="1" ht="28.5" customHeight="1" x14ac:dyDescent="0.2">
      <c r="A34" s="1195"/>
      <c r="B34" s="948"/>
      <c r="C34" s="948"/>
      <c r="D34" s="948"/>
      <c r="E34" s="948"/>
      <c r="F34" s="948"/>
      <c r="G34" s="948"/>
      <c r="H34" s="949"/>
      <c r="I34" s="602" t="str">
        <f>IF(A34="","",IFERROR(VLOOKUP(A34,製品リスト!$U$4:$W$1000,2,0),"SII登録型番を正しく入力してください"))</f>
        <v/>
      </c>
      <c r="J34" s="603"/>
      <c r="K34" s="603"/>
      <c r="L34" s="603"/>
      <c r="M34" s="603"/>
      <c r="N34" s="603"/>
      <c r="O34" s="603"/>
      <c r="P34" s="603"/>
      <c r="Q34" s="603"/>
      <c r="R34" s="603"/>
      <c r="S34" s="603"/>
      <c r="T34" s="603"/>
      <c r="U34" s="603"/>
      <c r="V34" s="603"/>
      <c r="W34" s="603"/>
      <c r="X34" s="603"/>
      <c r="Y34" s="603"/>
      <c r="Z34" s="604"/>
      <c r="AA34" s="602" t="str">
        <f>IF(A34="","",IFERROR(VLOOKUP(A34,製品リスト!$U$4:$W$1000,3,0),"SII登録型番を正しく入力してください"))</f>
        <v/>
      </c>
      <c r="AB34" s="603"/>
      <c r="AC34" s="603"/>
      <c r="AD34" s="603"/>
      <c r="AE34" s="603"/>
      <c r="AF34" s="603"/>
      <c r="AG34" s="603"/>
      <c r="AH34" s="603"/>
      <c r="AI34" s="603"/>
      <c r="AJ34" s="603"/>
      <c r="AK34" s="603"/>
      <c r="AL34" s="603"/>
      <c r="AM34" s="603"/>
      <c r="AN34" s="603"/>
      <c r="AO34" s="603"/>
      <c r="AP34" s="603"/>
      <c r="AQ34" s="603"/>
      <c r="AR34" s="603"/>
      <c r="AS34" s="603"/>
      <c r="AT34" s="603"/>
      <c r="AU34" s="603"/>
      <c r="AV34" s="604"/>
      <c r="AW34" s="839"/>
      <c r="AX34" s="840"/>
      <c r="AY34" s="840"/>
      <c r="AZ34" s="840"/>
      <c r="BA34" s="840"/>
      <c r="BB34" s="840"/>
      <c r="BC34" s="72" t="s">
        <v>13</v>
      </c>
      <c r="BD34" s="203"/>
      <c r="BE34" s="203"/>
      <c r="BF34" s="345">
        <v>9</v>
      </c>
      <c r="BG34" s="329"/>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row>
    <row r="35" spans="1:130" s="269" customFormat="1" ht="28.5" customHeight="1" x14ac:dyDescent="0.2">
      <c r="A35" s="1195"/>
      <c r="B35" s="948"/>
      <c r="C35" s="948"/>
      <c r="D35" s="948"/>
      <c r="E35" s="948"/>
      <c r="F35" s="948"/>
      <c r="G35" s="948"/>
      <c r="H35" s="949"/>
      <c r="I35" s="602" t="str">
        <f>IF(A35="","",IFERROR(VLOOKUP(A35,製品リスト!$U$4:$W$1000,2,0),"SII登録型番を正しく入力してください"))</f>
        <v/>
      </c>
      <c r="J35" s="603"/>
      <c r="K35" s="603"/>
      <c r="L35" s="603"/>
      <c r="M35" s="603"/>
      <c r="N35" s="603"/>
      <c r="O35" s="603"/>
      <c r="P35" s="603"/>
      <c r="Q35" s="603"/>
      <c r="R35" s="603"/>
      <c r="S35" s="603"/>
      <c r="T35" s="603"/>
      <c r="U35" s="603"/>
      <c r="V35" s="603"/>
      <c r="W35" s="603"/>
      <c r="X35" s="603"/>
      <c r="Y35" s="603"/>
      <c r="Z35" s="604"/>
      <c r="AA35" s="602" t="str">
        <f>IF(A35="","",IFERROR(VLOOKUP(A35,製品リスト!$U$4:$W$1000,3,0),"SII登録型番を正しく入力してください"))</f>
        <v/>
      </c>
      <c r="AB35" s="603"/>
      <c r="AC35" s="603"/>
      <c r="AD35" s="603"/>
      <c r="AE35" s="603"/>
      <c r="AF35" s="603"/>
      <c r="AG35" s="603"/>
      <c r="AH35" s="603"/>
      <c r="AI35" s="603"/>
      <c r="AJ35" s="603"/>
      <c r="AK35" s="603"/>
      <c r="AL35" s="603"/>
      <c r="AM35" s="603"/>
      <c r="AN35" s="603"/>
      <c r="AO35" s="603"/>
      <c r="AP35" s="603"/>
      <c r="AQ35" s="603"/>
      <c r="AR35" s="603"/>
      <c r="AS35" s="603"/>
      <c r="AT35" s="603"/>
      <c r="AU35" s="603"/>
      <c r="AV35" s="604"/>
      <c r="AW35" s="839"/>
      <c r="AX35" s="840"/>
      <c r="AY35" s="840"/>
      <c r="AZ35" s="840"/>
      <c r="BA35" s="840"/>
      <c r="BB35" s="840"/>
      <c r="BC35" s="72" t="s">
        <v>13</v>
      </c>
      <c r="BD35" s="203"/>
      <c r="BE35" s="203"/>
      <c r="BF35" s="345">
        <v>10</v>
      </c>
      <c r="BG35" s="329"/>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row>
    <row r="36" spans="1:130" s="269" customFormat="1" ht="28.5" customHeight="1" x14ac:dyDescent="0.2">
      <c r="A36" s="1195"/>
      <c r="B36" s="948"/>
      <c r="C36" s="948"/>
      <c r="D36" s="948"/>
      <c r="E36" s="948"/>
      <c r="F36" s="948"/>
      <c r="G36" s="948"/>
      <c r="H36" s="949"/>
      <c r="I36" s="602" t="str">
        <f>IF(A36="","",IFERROR(VLOOKUP(A36,製品リスト!$U$4:$W$1000,2,0),"SII登録型番を正しく入力してください"))</f>
        <v/>
      </c>
      <c r="J36" s="603"/>
      <c r="K36" s="603"/>
      <c r="L36" s="603"/>
      <c r="M36" s="603"/>
      <c r="N36" s="603"/>
      <c r="O36" s="603"/>
      <c r="P36" s="603"/>
      <c r="Q36" s="603"/>
      <c r="R36" s="603"/>
      <c r="S36" s="603"/>
      <c r="T36" s="603"/>
      <c r="U36" s="603"/>
      <c r="V36" s="603"/>
      <c r="W36" s="603"/>
      <c r="X36" s="603"/>
      <c r="Y36" s="603"/>
      <c r="Z36" s="604"/>
      <c r="AA36" s="602" t="str">
        <f>IF(A36="","",IFERROR(VLOOKUP(A36,製品リスト!$U$4:$W$1000,3,0),"SII登録型番を正しく入力してください"))</f>
        <v/>
      </c>
      <c r="AB36" s="603"/>
      <c r="AC36" s="603"/>
      <c r="AD36" s="603"/>
      <c r="AE36" s="603"/>
      <c r="AF36" s="603"/>
      <c r="AG36" s="603"/>
      <c r="AH36" s="603"/>
      <c r="AI36" s="603"/>
      <c r="AJ36" s="603"/>
      <c r="AK36" s="603"/>
      <c r="AL36" s="603"/>
      <c r="AM36" s="603"/>
      <c r="AN36" s="603"/>
      <c r="AO36" s="603"/>
      <c r="AP36" s="603"/>
      <c r="AQ36" s="603"/>
      <c r="AR36" s="603"/>
      <c r="AS36" s="603"/>
      <c r="AT36" s="603"/>
      <c r="AU36" s="603"/>
      <c r="AV36" s="604"/>
      <c r="AW36" s="839"/>
      <c r="AX36" s="840"/>
      <c r="AY36" s="840"/>
      <c r="AZ36" s="840"/>
      <c r="BA36" s="840"/>
      <c r="BB36" s="840"/>
      <c r="BC36" s="72" t="s">
        <v>13</v>
      </c>
      <c r="BD36" s="203"/>
      <c r="BE36" s="203"/>
      <c r="BF36" s="345">
        <v>11</v>
      </c>
      <c r="BG36" s="329"/>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row>
    <row r="37" spans="1:130" s="269" customFormat="1" ht="28.5" customHeight="1" x14ac:dyDescent="0.2">
      <c r="A37" s="1195"/>
      <c r="B37" s="948"/>
      <c r="C37" s="948"/>
      <c r="D37" s="948"/>
      <c r="E37" s="948"/>
      <c r="F37" s="948"/>
      <c r="G37" s="948"/>
      <c r="H37" s="949"/>
      <c r="I37" s="602" t="str">
        <f>IF(A37="","",IFERROR(VLOOKUP(A37,製品リスト!$U$4:$W$1000,2,0),"SII登録型番を正しく入力してください"))</f>
        <v/>
      </c>
      <c r="J37" s="603"/>
      <c r="K37" s="603"/>
      <c r="L37" s="603"/>
      <c r="M37" s="603"/>
      <c r="N37" s="603"/>
      <c r="O37" s="603"/>
      <c r="P37" s="603"/>
      <c r="Q37" s="603"/>
      <c r="R37" s="603"/>
      <c r="S37" s="603"/>
      <c r="T37" s="603"/>
      <c r="U37" s="603"/>
      <c r="V37" s="603"/>
      <c r="W37" s="603"/>
      <c r="X37" s="603"/>
      <c r="Y37" s="603"/>
      <c r="Z37" s="604"/>
      <c r="AA37" s="602" t="str">
        <f>IF(A37="","",IFERROR(VLOOKUP(A37,製品リスト!$U$4:$W$1000,3,0),"SII登録型番を正しく入力してください"))</f>
        <v/>
      </c>
      <c r="AB37" s="603"/>
      <c r="AC37" s="603"/>
      <c r="AD37" s="603"/>
      <c r="AE37" s="603"/>
      <c r="AF37" s="603"/>
      <c r="AG37" s="603"/>
      <c r="AH37" s="603"/>
      <c r="AI37" s="603"/>
      <c r="AJ37" s="603"/>
      <c r="AK37" s="603"/>
      <c r="AL37" s="603"/>
      <c r="AM37" s="603"/>
      <c r="AN37" s="603"/>
      <c r="AO37" s="603"/>
      <c r="AP37" s="603"/>
      <c r="AQ37" s="603"/>
      <c r="AR37" s="603"/>
      <c r="AS37" s="603"/>
      <c r="AT37" s="603"/>
      <c r="AU37" s="603"/>
      <c r="AV37" s="604"/>
      <c r="AW37" s="839"/>
      <c r="AX37" s="840"/>
      <c r="AY37" s="840"/>
      <c r="AZ37" s="840"/>
      <c r="BA37" s="840"/>
      <c r="BB37" s="840"/>
      <c r="BC37" s="72" t="s">
        <v>13</v>
      </c>
      <c r="BD37" s="203"/>
      <c r="BE37" s="203"/>
      <c r="BF37" s="345">
        <v>12</v>
      </c>
      <c r="BG37" s="329"/>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row>
    <row r="38" spans="1:130" s="269" customFormat="1" ht="28.5" customHeight="1" x14ac:dyDescent="0.2">
      <c r="A38" s="1195"/>
      <c r="B38" s="948"/>
      <c r="C38" s="948"/>
      <c r="D38" s="948"/>
      <c r="E38" s="948"/>
      <c r="F38" s="948"/>
      <c r="G38" s="948"/>
      <c r="H38" s="949"/>
      <c r="I38" s="602" t="str">
        <f>IF(A38="","",IFERROR(VLOOKUP(A38,製品リスト!$U$4:$W$1000,2,0),"SII登録型番を正しく入力してください"))</f>
        <v/>
      </c>
      <c r="J38" s="603"/>
      <c r="K38" s="603"/>
      <c r="L38" s="603"/>
      <c r="M38" s="603"/>
      <c r="N38" s="603"/>
      <c r="O38" s="603"/>
      <c r="P38" s="603"/>
      <c r="Q38" s="603"/>
      <c r="R38" s="603"/>
      <c r="S38" s="603"/>
      <c r="T38" s="603"/>
      <c r="U38" s="603"/>
      <c r="V38" s="603"/>
      <c r="W38" s="603"/>
      <c r="X38" s="603"/>
      <c r="Y38" s="603"/>
      <c r="Z38" s="604"/>
      <c r="AA38" s="602" t="str">
        <f>IF(A38="","",IFERROR(VLOOKUP(A38,製品リスト!$U$4:$W$1000,3,0),"SII登録型番を正しく入力してください"))</f>
        <v/>
      </c>
      <c r="AB38" s="603"/>
      <c r="AC38" s="603"/>
      <c r="AD38" s="603"/>
      <c r="AE38" s="603"/>
      <c r="AF38" s="603"/>
      <c r="AG38" s="603"/>
      <c r="AH38" s="603"/>
      <c r="AI38" s="603"/>
      <c r="AJ38" s="603"/>
      <c r="AK38" s="603"/>
      <c r="AL38" s="603"/>
      <c r="AM38" s="603"/>
      <c r="AN38" s="603"/>
      <c r="AO38" s="603"/>
      <c r="AP38" s="603"/>
      <c r="AQ38" s="603"/>
      <c r="AR38" s="603"/>
      <c r="AS38" s="603"/>
      <c r="AT38" s="603"/>
      <c r="AU38" s="603"/>
      <c r="AV38" s="604"/>
      <c r="AW38" s="839"/>
      <c r="AX38" s="840"/>
      <c r="AY38" s="840"/>
      <c r="AZ38" s="840"/>
      <c r="BA38" s="840"/>
      <c r="BB38" s="840"/>
      <c r="BC38" s="72" t="s">
        <v>13</v>
      </c>
      <c r="BD38" s="203"/>
      <c r="BE38" s="203"/>
      <c r="BF38" s="345">
        <v>13</v>
      </c>
      <c r="BG38" s="329"/>
      <c r="BH38" s="1"/>
      <c r="BI38" s="1"/>
      <c r="BJ38" s="1"/>
      <c r="BK38" s="1"/>
      <c r="BL38" s="1"/>
      <c r="BM38" s="1"/>
      <c r="BN38" s="1"/>
      <c r="BO38" s="1"/>
      <c r="BP38" s="1"/>
      <c r="BQ38" s="1"/>
      <c r="BR38" s="1"/>
      <c r="BS38" s="1"/>
      <c r="BT38" s="1"/>
      <c r="BU38" s="1"/>
      <c r="BV38" s="1"/>
      <c r="BW38" s="1"/>
      <c r="BX38" s="1"/>
      <c r="BY38" s="1"/>
      <c r="BZ38" s="1"/>
      <c r="CA38" s="1"/>
      <c r="CB38" s="1"/>
      <c r="CC38" s="1"/>
      <c r="CD38" s="1"/>
      <c r="CE38" s="1"/>
      <c r="CF38" s="1"/>
      <c r="CG38" s="1"/>
      <c r="CH38" s="1"/>
      <c r="CI38" s="1"/>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row>
    <row r="39" spans="1:130" s="269" customFormat="1" ht="28.5" customHeight="1" x14ac:dyDescent="0.2">
      <c r="A39" s="1195"/>
      <c r="B39" s="948"/>
      <c r="C39" s="948"/>
      <c r="D39" s="948"/>
      <c r="E39" s="948"/>
      <c r="F39" s="948"/>
      <c r="G39" s="948"/>
      <c r="H39" s="949"/>
      <c r="I39" s="602" t="str">
        <f>IF(A39="","",IFERROR(VLOOKUP(A39,製品リスト!$U$4:$W$1000,2,0),"SII登録型番を正しく入力してください"))</f>
        <v/>
      </c>
      <c r="J39" s="603"/>
      <c r="K39" s="603"/>
      <c r="L39" s="603"/>
      <c r="M39" s="603"/>
      <c r="N39" s="603"/>
      <c r="O39" s="603"/>
      <c r="P39" s="603"/>
      <c r="Q39" s="603"/>
      <c r="R39" s="603"/>
      <c r="S39" s="603"/>
      <c r="T39" s="603"/>
      <c r="U39" s="603"/>
      <c r="V39" s="603"/>
      <c r="W39" s="603"/>
      <c r="X39" s="603"/>
      <c r="Y39" s="603"/>
      <c r="Z39" s="604"/>
      <c r="AA39" s="602" t="str">
        <f>IF(A39="","",IFERROR(VLOOKUP(A39,製品リスト!$U$4:$W$1000,3,0),"SII登録型番を正しく入力してください"))</f>
        <v/>
      </c>
      <c r="AB39" s="603"/>
      <c r="AC39" s="603"/>
      <c r="AD39" s="603"/>
      <c r="AE39" s="603"/>
      <c r="AF39" s="603"/>
      <c r="AG39" s="603"/>
      <c r="AH39" s="603"/>
      <c r="AI39" s="603"/>
      <c r="AJ39" s="603"/>
      <c r="AK39" s="603"/>
      <c r="AL39" s="603"/>
      <c r="AM39" s="603"/>
      <c r="AN39" s="603"/>
      <c r="AO39" s="603"/>
      <c r="AP39" s="603"/>
      <c r="AQ39" s="603"/>
      <c r="AR39" s="603"/>
      <c r="AS39" s="603"/>
      <c r="AT39" s="603"/>
      <c r="AU39" s="603"/>
      <c r="AV39" s="604"/>
      <c r="AW39" s="839"/>
      <c r="AX39" s="840"/>
      <c r="AY39" s="840"/>
      <c r="AZ39" s="840"/>
      <c r="BA39" s="840"/>
      <c r="BB39" s="840"/>
      <c r="BC39" s="72" t="s">
        <v>13</v>
      </c>
      <c r="BD39" s="203"/>
      <c r="BE39" s="203"/>
      <c r="BF39" s="345">
        <v>14</v>
      </c>
      <c r="BG39" s="329"/>
      <c r="BH39" s="1"/>
      <c r="BI39" s="1"/>
      <c r="BJ39" s="1"/>
      <c r="BK39" s="1"/>
      <c r="BL39" s="1"/>
      <c r="BM39" s="1"/>
      <c r="BN39" s="1"/>
      <c r="BO39" s="1"/>
      <c r="BP39" s="1"/>
      <c r="BQ39" s="1"/>
      <c r="BR39" s="1"/>
      <c r="BS39" s="1"/>
      <c r="BT39" s="1"/>
      <c r="BU39" s="1"/>
      <c r="BV39" s="1"/>
      <c r="BW39" s="1"/>
      <c r="BX39" s="1"/>
      <c r="BY39" s="1"/>
      <c r="BZ39" s="1"/>
      <c r="CA39" s="1"/>
      <c r="CB39" s="1"/>
      <c r="CC39" s="1"/>
      <c r="CD39" s="1"/>
      <c r="CE39" s="1"/>
      <c r="CF39" s="1"/>
      <c r="CG39" s="1"/>
      <c r="CH39" s="1"/>
      <c r="CI39" s="1"/>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row>
    <row r="40" spans="1:130" s="269" customFormat="1" ht="28.5" customHeight="1" thickBot="1" x14ac:dyDescent="0.25">
      <c r="A40" s="1196"/>
      <c r="B40" s="1197"/>
      <c r="C40" s="1197"/>
      <c r="D40" s="1197"/>
      <c r="E40" s="1197"/>
      <c r="F40" s="1197"/>
      <c r="G40" s="1197"/>
      <c r="H40" s="1198"/>
      <c r="I40" s="720" t="str">
        <f>IF(A40="","",IFERROR(VLOOKUP(A40,製品リスト!$U$4:$W$1000,2,0),"SII登録型番を正しく入力してください"))</f>
        <v/>
      </c>
      <c r="J40" s="721"/>
      <c r="K40" s="721"/>
      <c r="L40" s="721"/>
      <c r="M40" s="721"/>
      <c r="N40" s="721"/>
      <c r="O40" s="721"/>
      <c r="P40" s="721"/>
      <c r="Q40" s="721"/>
      <c r="R40" s="721"/>
      <c r="S40" s="721"/>
      <c r="T40" s="721"/>
      <c r="U40" s="721"/>
      <c r="V40" s="721"/>
      <c r="W40" s="721"/>
      <c r="X40" s="721"/>
      <c r="Y40" s="721"/>
      <c r="Z40" s="722"/>
      <c r="AA40" s="720" t="str">
        <f>IF(A40="","",IFERROR(VLOOKUP(A40,製品リスト!$U$4:$W$1000,3,0),"SII登録型番を正しく入力してください"))</f>
        <v/>
      </c>
      <c r="AB40" s="721"/>
      <c r="AC40" s="721"/>
      <c r="AD40" s="721"/>
      <c r="AE40" s="721"/>
      <c r="AF40" s="721"/>
      <c r="AG40" s="721"/>
      <c r="AH40" s="721"/>
      <c r="AI40" s="721"/>
      <c r="AJ40" s="721"/>
      <c r="AK40" s="721"/>
      <c r="AL40" s="721"/>
      <c r="AM40" s="721"/>
      <c r="AN40" s="721"/>
      <c r="AO40" s="721"/>
      <c r="AP40" s="721"/>
      <c r="AQ40" s="721"/>
      <c r="AR40" s="721"/>
      <c r="AS40" s="721"/>
      <c r="AT40" s="721"/>
      <c r="AU40" s="721"/>
      <c r="AV40" s="722"/>
      <c r="AW40" s="901"/>
      <c r="AX40" s="902"/>
      <c r="AY40" s="902"/>
      <c r="AZ40" s="902"/>
      <c r="BA40" s="902"/>
      <c r="BB40" s="902"/>
      <c r="BC40" s="76" t="s">
        <v>13</v>
      </c>
      <c r="BD40" s="203"/>
      <c r="BE40" s="203"/>
      <c r="BF40" s="345">
        <v>15</v>
      </c>
      <c r="BG40" s="329"/>
      <c r="BH40" s="1"/>
      <c r="BI40" s="1"/>
      <c r="BJ40" s="1"/>
      <c r="BK40" s="1"/>
      <c r="BL40" s="1"/>
      <c r="BM40" s="1"/>
      <c r="BN40" s="1"/>
      <c r="BO40" s="1"/>
      <c r="BP40" s="1"/>
      <c r="BQ40" s="1"/>
      <c r="BR40" s="1"/>
      <c r="BS40" s="1"/>
      <c r="BT40" s="1"/>
      <c r="BU40" s="1"/>
      <c r="BV40" s="1"/>
      <c r="BW40" s="1"/>
      <c r="BX40" s="1"/>
      <c r="BY40" s="1"/>
      <c r="BZ40" s="1"/>
      <c r="CA40" s="1"/>
      <c r="CB40" s="1"/>
      <c r="CC40" s="1"/>
      <c r="CD40" s="1"/>
      <c r="CE40" s="1"/>
      <c r="CF40" s="1"/>
      <c r="CG40" s="1"/>
      <c r="CH40" s="1"/>
      <c r="CI40" s="1"/>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row>
    <row r="41" spans="1:130" ht="15.6" customHeight="1" x14ac:dyDescent="0.2">
      <c r="A41" s="28"/>
      <c r="B41" s="28"/>
      <c r="C41" s="28"/>
      <c r="D41" s="28"/>
      <c r="E41" s="28"/>
      <c r="F41" s="28"/>
      <c r="G41" s="28"/>
      <c r="H41" s="28"/>
      <c r="I41" s="28"/>
      <c r="J41" s="28"/>
      <c r="K41" s="28"/>
      <c r="L41" s="28"/>
      <c r="M41" s="28"/>
      <c r="N41" s="28"/>
      <c r="O41" s="28"/>
      <c r="P41" s="28"/>
      <c r="Q41" s="28"/>
      <c r="R41" s="28"/>
      <c r="S41" s="28"/>
      <c r="T41" s="28"/>
      <c r="U41" s="28"/>
      <c r="V41" s="28"/>
      <c r="W41" s="28"/>
      <c r="X41" s="28"/>
      <c r="Y41" s="28"/>
      <c r="Z41" s="28"/>
      <c r="AA41" s="28"/>
      <c r="AB41" s="28"/>
      <c r="AC41" s="28"/>
      <c r="AD41" s="28"/>
      <c r="AE41" s="28"/>
      <c r="AF41" s="28"/>
      <c r="AG41" s="28"/>
      <c r="AH41" s="28"/>
      <c r="AI41" s="28"/>
      <c r="AJ41" s="28"/>
      <c r="AK41" s="28"/>
      <c r="AL41" s="28"/>
      <c r="AM41" s="28"/>
      <c r="AN41" s="28"/>
      <c r="AO41" s="28"/>
      <c r="AP41" s="28"/>
      <c r="AQ41" s="28"/>
      <c r="AR41" s="28"/>
      <c r="AS41" s="28"/>
      <c r="AT41" s="28"/>
      <c r="AU41" s="28"/>
      <c r="AV41" s="28"/>
      <c r="AW41" s="28"/>
      <c r="AX41" s="28"/>
      <c r="AY41" s="28"/>
      <c r="AZ41" s="28"/>
      <c r="BA41" s="28"/>
      <c r="BB41" s="28"/>
      <c r="BC41" s="28"/>
      <c r="BD41" s="28"/>
      <c r="BE41" s="28"/>
    </row>
    <row r="42" spans="1:130" ht="31.5" customHeight="1" thickBot="1" x14ac:dyDescent="0.25">
      <c r="A42" s="27" t="s">
        <v>69</v>
      </c>
      <c r="B42" s="94"/>
      <c r="C42" s="94"/>
      <c r="D42" s="94"/>
      <c r="E42" s="94"/>
      <c r="F42" s="94"/>
      <c r="G42" s="94"/>
      <c r="H42" s="94"/>
      <c r="I42" s="94"/>
      <c r="J42" s="94"/>
      <c r="K42" s="94"/>
      <c r="L42" s="77"/>
      <c r="M42" s="150" t="s">
        <v>109</v>
      </c>
      <c r="N42" s="94"/>
      <c r="O42" s="94"/>
      <c r="P42" s="94"/>
      <c r="Q42" s="77"/>
      <c r="R42" s="77"/>
      <c r="S42" s="77"/>
      <c r="T42" s="77"/>
      <c r="U42" s="77"/>
      <c r="V42" s="77"/>
      <c r="W42" s="77"/>
      <c r="X42" s="77"/>
      <c r="Y42" s="77"/>
      <c r="Z42" s="77"/>
      <c r="AA42" s="77"/>
      <c r="AB42" s="77"/>
      <c r="AC42" s="77"/>
      <c r="AD42" s="77"/>
      <c r="AE42" s="77"/>
      <c r="AF42" s="77"/>
      <c r="AG42" s="77"/>
      <c r="AH42" s="77"/>
      <c r="AI42" s="77"/>
      <c r="AJ42" s="77"/>
      <c r="AK42" s="77"/>
      <c r="AL42" s="77"/>
      <c r="AM42" s="77"/>
      <c r="AN42" s="77"/>
      <c r="AO42" s="77"/>
      <c r="AP42" s="77"/>
      <c r="AQ42" s="77"/>
      <c r="AR42" s="77"/>
      <c r="AS42" s="77"/>
      <c r="AT42" s="77"/>
      <c r="AU42" s="94"/>
      <c r="AV42" s="94"/>
      <c r="AW42" s="94"/>
      <c r="AX42" s="94"/>
      <c r="AY42" s="94"/>
      <c r="AZ42" s="94"/>
      <c r="BA42" s="94"/>
      <c r="BB42" s="94"/>
      <c r="BC42" s="94"/>
      <c r="BD42" s="94"/>
      <c r="BE42" s="94"/>
    </row>
    <row r="43" spans="1:130" ht="57" customHeight="1" thickBot="1" x14ac:dyDescent="0.25">
      <c r="A43" s="590" t="s">
        <v>81</v>
      </c>
      <c r="B43" s="557"/>
      <c r="C43" s="557"/>
      <c r="D43" s="557"/>
      <c r="E43" s="557"/>
      <c r="F43" s="557"/>
      <c r="G43" s="557"/>
      <c r="H43" s="557"/>
      <c r="I43" s="557"/>
      <c r="J43" s="557"/>
      <c r="K43" s="557"/>
      <c r="L43" s="557"/>
      <c r="M43" s="671"/>
      <c r="N43" s="595" t="s">
        <v>70</v>
      </c>
      <c r="O43" s="596"/>
      <c r="P43" s="597" t="s">
        <v>71</v>
      </c>
      <c r="Q43" s="557"/>
      <c r="R43" s="557"/>
      <c r="S43" s="557"/>
      <c r="T43" s="557"/>
      <c r="U43" s="557"/>
      <c r="V43" s="557"/>
      <c r="W43" s="598" t="s">
        <v>72</v>
      </c>
      <c r="X43" s="557"/>
      <c r="Y43" s="557"/>
      <c r="Z43" s="557"/>
      <c r="AA43" s="557"/>
      <c r="AB43" s="557"/>
      <c r="AC43" s="557"/>
      <c r="AD43" s="557"/>
      <c r="AE43" s="557"/>
      <c r="AF43" s="557"/>
      <c r="AG43" s="557"/>
      <c r="AH43" s="557"/>
      <c r="AI43" s="557"/>
      <c r="AJ43" s="557"/>
      <c r="AK43" s="591"/>
      <c r="AL43" s="557" t="s">
        <v>73</v>
      </c>
      <c r="AM43" s="557"/>
      <c r="AN43" s="557"/>
      <c r="AO43" s="557"/>
      <c r="AP43" s="557"/>
      <c r="AQ43" s="557"/>
      <c r="AR43" s="557"/>
      <c r="AS43" s="557"/>
      <c r="AT43" s="557"/>
      <c r="AU43" s="557"/>
      <c r="AV43" s="557"/>
      <c r="AW43" s="557"/>
      <c r="AX43" s="557"/>
      <c r="AY43" s="557"/>
      <c r="AZ43" s="557"/>
      <c r="BA43" s="557"/>
      <c r="BB43" s="557"/>
      <c r="BC43" s="558"/>
      <c r="BD43" s="200"/>
      <c r="BE43" s="200"/>
      <c r="BF43" s="167" t="s">
        <v>656</v>
      </c>
      <c r="BG43" s="339" t="s">
        <v>151</v>
      </c>
    </row>
    <row r="44" spans="1:130" ht="34.5" customHeight="1" thickTop="1" thickBot="1" x14ac:dyDescent="0.25">
      <c r="A44" s="1199" t="str">
        <f>IF((SUM(AW26:BB40))=0,"",IF((SUM(AW26:BB40))&lt;=1,1,ROUNDDOWN(SUM(AW26:BB40),0)))</f>
        <v/>
      </c>
      <c r="B44" s="1200"/>
      <c r="C44" s="1200"/>
      <c r="D44" s="1200"/>
      <c r="E44" s="1200"/>
      <c r="F44" s="1200"/>
      <c r="G44" s="1200"/>
      <c r="H44" s="1200"/>
      <c r="I44" s="1200"/>
      <c r="J44" s="1200"/>
      <c r="K44" s="1200"/>
      <c r="L44" s="1200"/>
      <c r="M44" s="105" t="s">
        <v>102</v>
      </c>
      <c r="N44" s="564" t="s">
        <v>70</v>
      </c>
      <c r="O44" s="565"/>
      <c r="P44" s="566">
        <v>7000</v>
      </c>
      <c r="Q44" s="567"/>
      <c r="R44" s="567"/>
      <c r="S44" s="567"/>
      <c r="T44" s="567"/>
      <c r="U44" s="567"/>
      <c r="V44" s="86" t="s">
        <v>0</v>
      </c>
      <c r="W44" s="1201" t="str">
        <f>IF(A44="","",(A44*P44))</f>
        <v/>
      </c>
      <c r="X44" s="1202"/>
      <c r="Y44" s="1202"/>
      <c r="Z44" s="1202"/>
      <c r="AA44" s="1202"/>
      <c r="AB44" s="1202"/>
      <c r="AC44" s="1202"/>
      <c r="AD44" s="1202"/>
      <c r="AE44" s="1202"/>
      <c r="AF44" s="1202"/>
      <c r="AG44" s="1202"/>
      <c r="AH44" s="1202"/>
      <c r="AI44" s="1202"/>
      <c r="AJ44" s="1202"/>
      <c r="AK44" s="82" t="s">
        <v>0</v>
      </c>
      <c r="AL44" s="570" t="str">
        <f>W44</f>
        <v/>
      </c>
      <c r="AM44" s="570"/>
      <c r="AN44" s="570"/>
      <c r="AO44" s="570"/>
      <c r="AP44" s="570"/>
      <c r="AQ44" s="570"/>
      <c r="AR44" s="570"/>
      <c r="AS44" s="570"/>
      <c r="AT44" s="570"/>
      <c r="AU44" s="570"/>
      <c r="AV44" s="570"/>
      <c r="AW44" s="570"/>
      <c r="AX44" s="570"/>
      <c r="AY44" s="570"/>
      <c r="AZ44" s="570"/>
      <c r="BA44" s="570"/>
      <c r="BB44" s="570"/>
      <c r="BC44" s="153" t="s">
        <v>80</v>
      </c>
      <c r="BD44" s="28"/>
      <c r="BE44" s="28"/>
      <c r="BF44" s="332">
        <v>16</v>
      </c>
      <c r="BG44" s="334"/>
    </row>
    <row r="45" spans="1:130" ht="38.25" customHeight="1" thickTop="1" thickBot="1" x14ac:dyDescent="0.25">
      <c r="A45" s="552" t="s">
        <v>82</v>
      </c>
      <c r="B45" s="553"/>
      <c r="C45" s="553"/>
      <c r="D45" s="553"/>
      <c r="E45" s="553"/>
      <c r="F45" s="553"/>
      <c r="G45" s="553"/>
      <c r="H45" s="553"/>
      <c r="I45" s="553"/>
      <c r="J45" s="553"/>
      <c r="K45" s="553"/>
      <c r="L45" s="553"/>
      <c r="M45" s="553"/>
      <c r="N45" s="553"/>
      <c r="O45" s="553"/>
      <c r="P45" s="553"/>
      <c r="Q45" s="553"/>
      <c r="R45" s="553"/>
      <c r="S45" s="553"/>
      <c r="T45" s="553"/>
      <c r="U45" s="553"/>
      <c r="V45" s="553"/>
      <c r="W45" s="553"/>
      <c r="X45" s="553"/>
      <c r="Y45" s="553"/>
      <c r="Z45" s="553"/>
      <c r="AA45" s="553"/>
      <c r="AB45" s="553"/>
      <c r="AC45" s="553"/>
      <c r="AD45" s="553"/>
      <c r="AE45" s="553"/>
      <c r="AF45" s="553"/>
      <c r="AG45" s="553"/>
      <c r="AH45" s="553"/>
      <c r="AI45" s="553"/>
      <c r="AJ45" s="553"/>
      <c r="AK45" s="554"/>
      <c r="AL45" s="555" t="str">
        <f>AL44</f>
        <v/>
      </c>
      <c r="AM45" s="556"/>
      <c r="AN45" s="556"/>
      <c r="AO45" s="556"/>
      <c r="AP45" s="556"/>
      <c r="AQ45" s="556"/>
      <c r="AR45" s="556"/>
      <c r="AS45" s="556"/>
      <c r="AT45" s="556"/>
      <c r="AU45" s="556"/>
      <c r="AV45" s="556"/>
      <c r="AW45" s="556"/>
      <c r="AX45" s="556"/>
      <c r="AY45" s="556"/>
      <c r="AZ45" s="556"/>
      <c r="BA45" s="556"/>
      <c r="BB45" s="556"/>
      <c r="BC45" s="88" t="s">
        <v>80</v>
      </c>
      <c r="BD45" s="221"/>
      <c r="BE45" s="221"/>
      <c r="BF45" s="335">
        <v>17</v>
      </c>
      <c r="BG45" s="334"/>
    </row>
    <row r="46" spans="1:130" ht="37.5" customHeight="1" x14ac:dyDescent="0.2">
      <c r="A46" s="28"/>
      <c r="B46" s="28"/>
      <c r="C46" s="28"/>
      <c r="D46" s="28"/>
      <c r="E46" s="28"/>
      <c r="F46" s="28"/>
      <c r="G46" s="28"/>
      <c r="H46" s="28"/>
      <c r="I46" s="28"/>
      <c r="J46" s="28"/>
      <c r="K46" s="28"/>
      <c r="L46" s="28"/>
      <c r="M46" s="28"/>
      <c r="N46" s="28"/>
      <c r="O46" s="28"/>
      <c r="P46" s="28"/>
      <c r="Q46" s="28"/>
      <c r="R46" s="28"/>
      <c r="S46" s="28"/>
      <c r="T46" s="28"/>
      <c r="U46" s="28"/>
      <c r="V46" s="28"/>
      <c r="W46" s="28"/>
      <c r="X46" s="28"/>
      <c r="Y46" s="28"/>
      <c r="Z46" s="28"/>
      <c r="AA46" s="28"/>
      <c r="AB46" s="28"/>
      <c r="AC46" s="28"/>
      <c r="AD46" s="28"/>
      <c r="AE46" s="28"/>
      <c r="AF46" s="28"/>
      <c r="AG46" s="28"/>
      <c r="AH46" s="28"/>
      <c r="AI46" s="28"/>
      <c r="AJ46" s="28"/>
      <c r="AK46" s="28"/>
      <c r="AL46" s="28"/>
      <c r="AM46" s="28"/>
      <c r="AN46" s="28"/>
      <c r="AO46" s="28"/>
      <c r="AP46" s="28"/>
      <c r="AQ46" s="28"/>
      <c r="AR46" s="28"/>
      <c r="AS46" s="28"/>
      <c r="AT46" s="28"/>
      <c r="AU46" s="28"/>
      <c r="AV46" s="28"/>
      <c r="AW46" s="28"/>
      <c r="AX46" s="28"/>
      <c r="AY46" s="28"/>
      <c r="AZ46" s="28"/>
      <c r="BA46" s="28"/>
      <c r="BB46" s="28"/>
      <c r="BC46" s="28"/>
      <c r="BD46" s="28"/>
      <c r="BE46" s="28"/>
    </row>
  </sheetData>
  <sheetProtection algorithmName="SHA-512" hashValue="/Sc9/5kV0q6y1AndhZH+A4xed4A7eo19xHpYzI9h1wQR6RIC3JMOlYjyuRGilTsYrGvNTbglsOoGX3HFouXXZg==" saltValue="AQB5fHDHIU2M1X5++l7pfQ==" spinCount="100000" sheet="1" objects="1" formatColumns="0"/>
  <mergeCells count="81">
    <mergeCell ref="A2:BC2"/>
    <mergeCell ref="BB3:BC3"/>
    <mergeCell ref="AW25:BC25"/>
    <mergeCell ref="AW23:BC24"/>
    <mergeCell ref="AW26:BB26"/>
    <mergeCell ref="AW27:BB27"/>
    <mergeCell ref="AW28:BB28"/>
    <mergeCell ref="A37:H37"/>
    <mergeCell ref="A23:H23"/>
    <mergeCell ref="I25:Z25"/>
    <mergeCell ref="I23:P23"/>
    <mergeCell ref="AA25:AV25"/>
    <mergeCell ref="A25:H25"/>
    <mergeCell ref="A26:H26"/>
    <mergeCell ref="A32:H32"/>
    <mergeCell ref="A36:H36"/>
    <mergeCell ref="A27:H27"/>
    <mergeCell ref="A28:H28"/>
    <mergeCell ref="AW36:BB36"/>
    <mergeCell ref="A33:H33"/>
    <mergeCell ref="I33:Z33"/>
    <mergeCell ref="AW40:BB40"/>
    <mergeCell ref="I26:Z26"/>
    <mergeCell ref="I37:Z37"/>
    <mergeCell ref="I40:Z40"/>
    <mergeCell ref="AA39:AV39"/>
    <mergeCell ref="AA40:AV40"/>
    <mergeCell ref="AW37:BB37"/>
    <mergeCell ref="AW38:BB38"/>
    <mergeCell ref="AW39:BB39"/>
    <mergeCell ref="AA26:AV26"/>
    <mergeCell ref="I32:Z32"/>
    <mergeCell ref="AA32:AV32"/>
    <mergeCell ref="I27:Z27"/>
    <mergeCell ref="AA27:AV27"/>
    <mergeCell ref="I36:Z36"/>
    <mergeCell ref="AA36:AV36"/>
    <mergeCell ref="A45:AK45"/>
    <mergeCell ref="AL45:BB45"/>
    <mergeCell ref="AL43:BC43"/>
    <mergeCell ref="N44:O44"/>
    <mergeCell ref="P44:U44"/>
    <mergeCell ref="W44:AJ44"/>
    <mergeCell ref="AL44:BB44"/>
    <mergeCell ref="A43:M43"/>
    <mergeCell ref="N43:O43"/>
    <mergeCell ref="P43:V43"/>
    <mergeCell ref="W43:AK43"/>
    <mergeCell ref="A40:H40"/>
    <mergeCell ref="A44:L44"/>
    <mergeCell ref="I28:Z28"/>
    <mergeCell ref="AA28:AV28"/>
    <mergeCell ref="A35:H35"/>
    <mergeCell ref="I35:Z35"/>
    <mergeCell ref="AA35:AV35"/>
    <mergeCell ref="A29:H29"/>
    <mergeCell ref="I29:Z29"/>
    <mergeCell ref="AA29:AV29"/>
    <mergeCell ref="A39:H39"/>
    <mergeCell ref="A38:H38"/>
    <mergeCell ref="AA37:AV37"/>
    <mergeCell ref="AA38:AV38"/>
    <mergeCell ref="I38:Z38"/>
    <mergeCell ref="I39:Z39"/>
    <mergeCell ref="AW32:BB32"/>
    <mergeCell ref="AW35:BB35"/>
    <mergeCell ref="A31:H31"/>
    <mergeCell ref="I31:Z31"/>
    <mergeCell ref="AA31:AV31"/>
    <mergeCell ref="AW31:BB31"/>
    <mergeCell ref="AA33:AV33"/>
    <mergeCell ref="AW33:BB33"/>
    <mergeCell ref="A34:H34"/>
    <mergeCell ref="I34:Z34"/>
    <mergeCell ref="AA34:AV34"/>
    <mergeCell ref="AW34:BB34"/>
    <mergeCell ref="AW29:BB29"/>
    <mergeCell ref="A30:H30"/>
    <mergeCell ref="I30:Z30"/>
    <mergeCell ref="AA30:AV30"/>
    <mergeCell ref="AW30:BB30"/>
  </mergeCells>
  <phoneticPr fontId="38"/>
  <conditionalFormatting sqref="BG1:BG5 BG22:BG24 BG26:BG42 BG44:BG1048576">
    <cfRule type="notContainsBlanks" dxfId="39" priority="1">
      <formula>LEN(TRIM(BG1))&gt;0</formula>
    </cfRule>
  </conditionalFormatting>
  <dataValidations count="2">
    <dataValidation type="custom" imeMode="disabled" allowBlank="1" showInputMessage="1" showErrorMessage="1" errorTitle="入力エラー" error="小数点は第二位まで、三位以下切り捨てで入力して下さい。" sqref="AW26:BB40" xr:uid="{00000000-0002-0000-0700-000005000000}">
      <formula1>AW26-ROUNDDOWN(AW26,2)=0</formula1>
    </dataValidation>
    <dataValidation type="custom" operator="equal" allowBlank="1" showInputMessage="1" showErrorMessage="1" error="SII登録型番を半角大文字の英数字で入力してください。（８文字）" sqref="A26:H40" xr:uid="{5B10B9A3-06FB-4B27-A037-984C5DC10E6B}">
      <formula1>AND(LENB(A26)=8,EXACT(UPPER(A26),A26))</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headerFooter>
    <oddHeader>&amp;RVERSION 1.0</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AAEEB9-5447-4567-A0B4-7442C4B9B8C3}">
  <sheetPr codeName="Sheet2">
    <pageSetUpPr fitToPage="1"/>
  </sheetPr>
  <dimension ref="A1:AT40"/>
  <sheetViews>
    <sheetView showGridLines="0" showZeros="0" zoomScale="60" zoomScaleNormal="60" workbookViewId="0"/>
  </sheetViews>
  <sheetFormatPr defaultColWidth="9" defaultRowHeight="16.2" x14ac:dyDescent="0.2"/>
  <cols>
    <col min="1" max="11" width="3.44140625" style="4" customWidth="1"/>
    <col min="12" max="17" width="3.6640625" style="4" customWidth="1"/>
    <col min="18" max="20" width="3.6640625" style="6" customWidth="1"/>
    <col min="21" max="28" width="3.6640625" style="7" customWidth="1"/>
    <col min="29" max="30" width="3.44140625" style="4" customWidth="1"/>
    <col min="31" max="33" width="3.6640625" style="4" customWidth="1"/>
    <col min="34" max="38" width="3.44140625" style="4" customWidth="1"/>
    <col min="39" max="39" width="3.44140625" style="4" hidden="1" customWidth="1"/>
    <col min="40" max="40" width="3.44140625" style="4" customWidth="1"/>
    <col min="41" max="41" width="4.77734375" style="185" customWidth="1"/>
    <col min="42" max="42" width="51.77734375" style="163" hidden="1" customWidth="1"/>
    <col min="43" max="43" width="51.77734375" style="4" customWidth="1"/>
    <col min="44" max="48" width="3.6640625" style="4" customWidth="1"/>
    <col min="49" max="16384" width="9" style="4"/>
  </cols>
  <sheetData>
    <row r="1" spans="1:46" ht="15.6" customHeight="1" x14ac:dyDescent="0.2">
      <c r="B1" s="1"/>
      <c r="C1" s="1"/>
      <c r="D1" s="1"/>
      <c r="E1" s="1"/>
      <c r="F1" s="1"/>
      <c r="G1" s="1"/>
      <c r="H1" s="1"/>
      <c r="I1" s="1"/>
      <c r="J1" s="1"/>
      <c r="K1" s="1"/>
      <c r="L1" s="1"/>
      <c r="M1" s="1"/>
      <c r="N1" s="1"/>
      <c r="O1" s="1"/>
      <c r="P1" s="1"/>
      <c r="Q1" s="1"/>
      <c r="R1" s="2"/>
      <c r="S1" s="2"/>
      <c r="T1" s="2"/>
      <c r="U1" s="3"/>
      <c r="V1" s="3"/>
      <c r="W1" s="3"/>
      <c r="X1" s="3"/>
      <c r="Y1" s="3"/>
      <c r="Z1" s="3"/>
      <c r="AA1" s="3"/>
      <c r="AB1" s="3"/>
      <c r="AC1" s="1"/>
      <c r="AD1" s="1"/>
      <c r="AE1" s="1"/>
      <c r="AF1" s="1"/>
      <c r="AG1" s="1"/>
      <c r="AH1" s="1"/>
      <c r="AI1" s="1"/>
      <c r="AJ1" s="1"/>
      <c r="AK1" s="1"/>
      <c r="AL1" s="13" t="s">
        <v>1240</v>
      </c>
      <c r="AM1" s="13"/>
      <c r="AN1" s="13"/>
      <c r="AO1" s="182"/>
      <c r="AP1" s="180"/>
    </row>
    <row r="2" spans="1:46" ht="30" customHeight="1" x14ac:dyDescent="0.2">
      <c r="A2" s="1270" t="s">
        <v>966</v>
      </c>
      <c r="B2" s="1271"/>
      <c r="C2" s="1271"/>
      <c r="D2" s="1271"/>
      <c r="E2" s="1271"/>
      <c r="F2" s="1271"/>
      <c r="G2" s="1271"/>
      <c r="H2" s="1271"/>
      <c r="I2" s="1271"/>
      <c r="J2" s="1271"/>
      <c r="K2" s="1271"/>
      <c r="L2" s="1271"/>
      <c r="M2" s="1271"/>
      <c r="N2" s="1271"/>
      <c r="O2" s="1271"/>
      <c r="P2" s="1271"/>
      <c r="Q2" s="1271"/>
      <c r="R2" s="1271"/>
      <c r="S2" s="1271"/>
      <c r="T2" s="1271"/>
      <c r="U2" s="1271"/>
      <c r="V2" s="1271"/>
      <c r="W2" s="1271"/>
      <c r="X2" s="1271"/>
      <c r="Y2" s="1271"/>
      <c r="Z2" s="1271"/>
      <c r="AA2" s="1271"/>
      <c r="AB2" s="1271"/>
      <c r="AC2" s="1271"/>
      <c r="AD2" s="1271"/>
      <c r="AE2" s="1271"/>
      <c r="AF2" s="1271"/>
      <c r="AG2" s="1271"/>
      <c r="AH2" s="1271"/>
      <c r="AI2" s="1271"/>
      <c r="AJ2" s="1271"/>
      <c r="AK2" s="1271"/>
      <c r="AL2" s="1272"/>
      <c r="AM2" s="109"/>
      <c r="AN2" s="109"/>
      <c r="AO2" s="183"/>
      <c r="AP2" s="181"/>
    </row>
    <row r="3" spans="1:46" ht="9" customHeight="1" x14ac:dyDescent="0.2">
      <c r="A3" s="109"/>
      <c r="B3" s="109"/>
      <c r="C3" s="109"/>
      <c r="D3" s="109"/>
      <c r="E3" s="109"/>
      <c r="F3" s="109"/>
      <c r="G3" s="109"/>
      <c r="H3" s="109"/>
      <c r="I3" s="109"/>
      <c r="J3" s="109"/>
      <c r="K3" s="109"/>
      <c r="L3" s="109"/>
      <c r="M3" s="109"/>
      <c r="N3" s="109"/>
      <c r="O3" s="109"/>
      <c r="P3" s="109"/>
      <c r="Q3" s="109"/>
      <c r="R3" s="109"/>
      <c r="S3" s="109"/>
      <c r="T3" s="109"/>
      <c r="U3" s="109"/>
      <c r="V3" s="109"/>
      <c r="W3" s="109"/>
      <c r="X3" s="109"/>
      <c r="Y3" s="109"/>
      <c r="Z3" s="109"/>
      <c r="AA3" s="109"/>
      <c r="AB3" s="109"/>
      <c r="AC3" s="109"/>
      <c r="AD3" s="109"/>
      <c r="AE3" s="109"/>
      <c r="AF3" s="109"/>
      <c r="AG3" s="109"/>
      <c r="AH3" s="109"/>
      <c r="AI3" s="109"/>
      <c r="AJ3" s="109"/>
      <c r="AK3" s="109"/>
      <c r="AL3" s="109"/>
      <c r="AM3" s="109"/>
      <c r="AN3" s="109"/>
      <c r="AO3" s="183"/>
      <c r="AP3" s="181"/>
    </row>
    <row r="4" spans="1:46" s="128" customFormat="1" ht="9.6" customHeight="1" x14ac:dyDescent="0.2">
      <c r="A4" s="127"/>
      <c r="B4" s="140"/>
      <c r="C4" s="140"/>
      <c r="D4" s="8"/>
      <c r="E4" s="8"/>
      <c r="F4" s="8"/>
      <c r="G4" s="8"/>
      <c r="H4" s="8"/>
      <c r="I4" s="8"/>
      <c r="J4" s="8"/>
      <c r="K4" s="8"/>
      <c r="L4" s="8"/>
      <c r="M4" s="8"/>
      <c r="N4" s="8"/>
      <c r="S4" s="127"/>
      <c r="T4" s="127"/>
      <c r="U4" s="127"/>
      <c r="V4" s="129"/>
      <c r="W4" s="129"/>
      <c r="X4" s="129"/>
      <c r="Y4" s="129"/>
      <c r="Z4" s="129"/>
      <c r="AA4" s="127"/>
      <c r="AB4" s="127"/>
      <c r="AC4" s="125"/>
      <c r="AD4" s="125"/>
      <c r="AE4" s="125"/>
      <c r="AF4" s="125"/>
      <c r="AG4" s="125"/>
      <c r="AH4" s="1251"/>
      <c r="AI4" s="1251"/>
      <c r="AJ4" s="1251"/>
      <c r="AK4" s="1251"/>
      <c r="AL4" s="1251"/>
      <c r="AM4" s="222"/>
      <c r="AN4" s="222"/>
      <c r="AO4" s="183"/>
      <c r="AP4" s="181"/>
    </row>
    <row r="5" spans="1:46" s="126" customFormat="1" ht="21" hidden="1" customHeight="1" x14ac:dyDescent="0.2">
      <c r="A5" s="243"/>
      <c r="B5" s="243"/>
      <c r="C5" s="244"/>
      <c r="D5" s="243"/>
      <c r="E5" s="243"/>
      <c r="F5" s="243"/>
      <c r="G5" s="243"/>
      <c r="H5" s="243"/>
      <c r="I5" s="243"/>
      <c r="J5" s="243"/>
      <c r="K5" s="243"/>
      <c r="L5" s="243"/>
      <c r="M5" s="243"/>
      <c r="N5" s="243"/>
      <c r="O5" s="243"/>
      <c r="P5" s="243"/>
      <c r="Q5" s="243"/>
      <c r="R5" s="243"/>
      <c r="S5" s="243"/>
      <c r="T5" s="243"/>
      <c r="U5" s="243"/>
      <c r="V5" s="243"/>
      <c r="W5" s="243"/>
      <c r="X5" s="243"/>
      <c r="Y5" s="243"/>
      <c r="Z5" s="243"/>
      <c r="AA5" s="243"/>
      <c r="AB5" s="243"/>
      <c r="AC5" s="243"/>
      <c r="AD5" s="243"/>
      <c r="AE5" s="245"/>
      <c r="AF5" s="245"/>
      <c r="AG5" s="245"/>
      <c r="AH5" s="125"/>
      <c r="AI5" s="125"/>
      <c r="AJ5" s="125"/>
      <c r="AK5" s="125"/>
      <c r="AL5" s="125"/>
      <c r="AM5" s="125"/>
      <c r="AN5" s="125"/>
      <c r="AO5" s="246"/>
      <c r="AP5" s="247"/>
    </row>
    <row r="6" spans="1:46" s="128" customFormat="1" ht="9.6" hidden="1" customHeight="1" x14ac:dyDescent="0.2">
      <c r="A6" s="127"/>
      <c r="B6" s="248"/>
      <c r="C6" s="248"/>
      <c r="D6" s="77"/>
      <c r="E6" s="77"/>
      <c r="F6" s="77"/>
      <c r="G6" s="77"/>
      <c r="H6" s="77"/>
      <c r="I6" s="77"/>
      <c r="J6" s="77"/>
      <c r="K6" s="77"/>
      <c r="L6" s="77"/>
      <c r="M6" s="77"/>
      <c r="N6" s="77"/>
      <c r="S6" s="127"/>
      <c r="T6" s="127"/>
      <c r="U6" s="127"/>
      <c r="V6" s="129"/>
      <c r="W6" s="129"/>
      <c r="X6" s="129"/>
      <c r="Y6" s="129"/>
      <c r="Z6" s="129"/>
      <c r="AA6" s="127"/>
      <c r="AB6" s="127"/>
      <c r="AC6" s="125"/>
      <c r="AD6" s="125"/>
      <c r="AE6" s="125"/>
      <c r="AF6" s="125"/>
      <c r="AG6" s="125"/>
      <c r="AH6" s="1251"/>
      <c r="AI6" s="1251"/>
      <c r="AJ6" s="1251"/>
      <c r="AK6" s="1251"/>
      <c r="AL6" s="1251"/>
      <c r="AM6" s="222"/>
      <c r="AN6" s="222"/>
      <c r="AO6" s="1255"/>
      <c r="AP6" s="1250"/>
    </row>
    <row r="7" spans="1:46" s="126" customFormat="1" ht="21.6" hidden="1" customHeight="1" x14ac:dyDescent="0.2">
      <c r="A7" s="243"/>
      <c r="B7" s="1252"/>
      <c r="C7" s="1252"/>
      <c r="D7" s="1252"/>
      <c r="E7" s="1252"/>
      <c r="F7" s="1252"/>
      <c r="G7" s="1252"/>
      <c r="H7" s="1252"/>
      <c r="I7" s="1252"/>
      <c r="J7" s="1252"/>
      <c r="K7" s="1252"/>
      <c r="L7" s="1252"/>
      <c r="M7" s="1252"/>
      <c r="N7" s="1252"/>
      <c r="O7" s="1253"/>
      <c r="P7" s="1253"/>
      <c r="Q7" s="1253"/>
      <c r="R7" s="1253"/>
      <c r="S7" s="249"/>
      <c r="T7" s="243"/>
      <c r="U7" s="243"/>
      <c r="V7" s="1254"/>
      <c r="W7" s="1254"/>
      <c r="X7" s="1254"/>
      <c r="Y7" s="1254"/>
      <c r="Z7" s="1254"/>
      <c r="AA7" s="243"/>
      <c r="AB7" s="243"/>
      <c r="AC7" s="243"/>
      <c r="AD7" s="243"/>
      <c r="AE7" s="245"/>
      <c r="AF7" s="245"/>
      <c r="AG7" s="245"/>
      <c r="AH7" s="125"/>
      <c r="AI7" s="125"/>
      <c r="AJ7" s="125"/>
      <c r="AK7" s="125"/>
      <c r="AL7" s="125"/>
      <c r="AM7" s="125"/>
      <c r="AN7" s="125"/>
      <c r="AO7" s="1255"/>
      <c r="AP7" s="1250"/>
    </row>
    <row r="8" spans="1:46" ht="13.8" hidden="1" customHeight="1" thickBot="1" x14ac:dyDescent="0.25">
      <c r="A8" s="134"/>
      <c r="B8" s="134"/>
      <c r="C8" s="134"/>
      <c r="D8" s="135"/>
      <c r="E8" s="135"/>
      <c r="F8" s="135"/>
      <c r="G8" s="135"/>
      <c r="H8" s="135"/>
      <c r="I8" s="135"/>
      <c r="J8" s="135"/>
      <c r="K8" s="135"/>
      <c r="L8" s="135"/>
      <c r="M8" s="135"/>
      <c r="N8" s="135"/>
      <c r="O8" s="135"/>
      <c r="P8" s="135"/>
      <c r="Q8" s="135"/>
      <c r="R8" s="136"/>
      <c r="S8" s="136"/>
      <c r="T8" s="136"/>
      <c r="U8" s="137"/>
      <c r="V8" s="137"/>
      <c r="W8" s="137"/>
      <c r="X8" s="137"/>
      <c r="Y8" s="137"/>
      <c r="Z8" s="137"/>
      <c r="AA8" s="137"/>
      <c r="AB8" s="138"/>
      <c r="AC8" s="139"/>
      <c r="AD8" s="139"/>
      <c r="AE8" s="139"/>
      <c r="AF8" s="139"/>
      <c r="AG8" s="139"/>
      <c r="AH8" s="139"/>
      <c r="AI8" s="139"/>
      <c r="AJ8" s="139"/>
      <c r="AK8" s="139"/>
      <c r="AL8" s="139"/>
      <c r="AP8" s="180"/>
    </row>
    <row r="9" spans="1:46" ht="13.8" hidden="1" customHeight="1" x14ac:dyDescent="0.2">
      <c r="A9" s="8"/>
      <c r="B9" s="8"/>
      <c r="C9" s="8"/>
      <c r="D9" s="1"/>
      <c r="E9" s="1"/>
      <c r="F9" s="1"/>
      <c r="G9" s="1"/>
      <c r="H9" s="1"/>
      <c r="I9" s="1"/>
      <c r="J9" s="1"/>
      <c r="K9" s="1"/>
      <c r="L9" s="1"/>
      <c r="M9" s="1"/>
      <c r="N9" s="1"/>
      <c r="O9" s="1"/>
      <c r="P9" s="1"/>
      <c r="Q9" s="1"/>
      <c r="R9" s="2"/>
      <c r="S9" s="2"/>
      <c r="T9" s="2"/>
      <c r="U9" s="5"/>
      <c r="V9" s="5"/>
      <c r="W9" s="5"/>
      <c r="X9" s="5"/>
      <c r="Y9" s="5"/>
      <c r="Z9" s="5"/>
      <c r="AA9" s="5"/>
      <c r="AB9" s="265"/>
      <c r="AP9" s="180"/>
    </row>
    <row r="10" spans="1:46" ht="13.8" hidden="1" customHeight="1" x14ac:dyDescent="0.2">
      <c r="A10" s="14"/>
      <c r="B10" s="14"/>
      <c r="C10" s="14"/>
      <c r="D10" s="1"/>
      <c r="E10" s="1"/>
      <c r="F10" s="1"/>
      <c r="G10" s="1"/>
      <c r="H10" s="1"/>
      <c r="I10" s="1"/>
      <c r="J10" s="1"/>
      <c r="K10" s="1"/>
      <c r="L10" s="1"/>
      <c r="M10" s="1"/>
      <c r="N10" s="1"/>
      <c r="O10" s="224">
        <v>1</v>
      </c>
      <c r="P10" s="1"/>
      <c r="Q10" s="1"/>
      <c r="R10" s="2"/>
      <c r="S10" s="2"/>
      <c r="T10" s="2"/>
      <c r="U10" s="5"/>
      <c r="V10" s="5"/>
      <c r="W10" s="5"/>
      <c r="X10" s="5"/>
      <c r="Y10" s="5"/>
      <c r="Z10" s="5"/>
      <c r="AA10" s="5"/>
      <c r="AB10" s="5"/>
      <c r="AC10" s="1"/>
      <c r="AD10" s="1"/>
      <c r="AE10" s="1"/>
      <c r="AF10" s="1"/>
      <c r="AG10" s="1"/>
      <c r="AH10" s="90"/>
      <c r="AI10" s="90"/>
      <c r="AJ10" s="90"/>
      <c r="AK10" s="90"/>
      <c r="AL10" s="90"/>
      <c r="AM10" s="223"/>
      <c r="AN10" s="223"/>
      <c r="AO10" s="186"/>
      <c r="AP10" s="180"/>
    </row>
    <row r="11" spans="1:46" ht="18" hidden="1" customHeight="1" x14ac:dyDescent="0.2">
      <c r="A11" s="14"/>
      <c r="B11" s="14"/>
      <c r="C11" s="14"/>
      <c r="D11" s="1"/>
      <c r="E11" s="1"/>
      <c r="F11" s="1"/>
      <c r="G11" s="1"/>
      <c r="H11" s="1"/>
      <c r="I11" s="1"/>
      <c r="J11" s="1"/>
      <c r="K11" s="1"/>
      <c r="L11" s="1"/>
      <c r="M11" s="1"/>
      <c r="N11" s="1"/>
      <c r="O11" s="1"/>
      <c r="P11" s="1"/>
      <c r="Q11" s="1"/>
      <c r="R11" s="2"/>
      <c r="S11" s="2"/>
      <c r="T11" s="2"/>
      <c r="U11" s="5"/>
      <c r="V11" s="5"/>
      <c r="W11" s="5"/>
      <c r="X11" s="5"/>
      <c r="Y11" s="5"/>
      <c r="Z11" s="5"/>
      <c r="AA11" s="5"/>
      <c r="AB11" s="5"/>
      <c r="AC11" s="1"/>
      <c r="AD11" s="1285" t="str">
        <f>IF(V28=0,"■","□")</f>
        <v>■</v>
      </c>
      <c r="AE11" s="1286"/>
      <c r="AF11" s="1287" t="s">
        <v>1279</v>
      </c>
      <c r="AG11" s="1288"/>
      <c r="AH11" s="1288"/>
      <c r="AI11" s="1288"/>
      <c r="AJ11" s="1289"/>
      <c r="AK11" s="90"/>
      <c r="AL11" s="90"/>
      <c r="AM11" s="223"/>
      <c r="AN11" s="223"/>
      <c r="AO11" s="186"/>
      <c r="AP11" s="180"/>
    </row>
    <row r="12" spans="1:46" ht="30" customHeight="1" x14ac:dyDescent="0.2">
      <c r="A12" s="8"/>
      <c r="B12" s="8"/>
      <c r="C12" s="110" t="s">
        <v>33</v>
      </c>
      <c r="D12" s="1"/>
      <c r="E12" s="1"/>
      <c r="F12" s="1"/>
      <c r="G12" s="1"/>
      <c r="H12" s="1"/>
      <c r="I12" s="1"/>
      <c r="J12" s="1"/>
      <c r="K12" s="1"/>
      <c r="L12" s="1"/>
      <c r="M12" s="1"/>
      <c r="N12" s="1"/>
      <c r="O12" s="1"/>
      <c r="P12" s="1"/>
      <c r="Q12" s="1"/>
      <c r="R12" s="2"/>
      <c r="S12" s="2"/>
      <c r="T12" s="2"/>
      <c r="U12" s="5"/>
      <c r="V12" s="5"/>
      <c r="W12" s="5"/>
      <c r="X12" s="5"/>
      <c r="Y12" s="5"/>
      <c r="Z12" s="5"/>
      <c r="AA12" s="5"/>
      <c r="AP12" s="180"/>
    </row>
    <row r="13" spans="1:46" ht="18" customHeight="1" x14ac:dyDescent="0.2">
      <c r="A13" s="8"/>
      <c r="B13" s="8"/>
      <c r="C13" s="8" t="s">
        <v>1242</v>
      </c>
      <c r="D13" s="1"/>
      <c r="E13" s="1"/>
      <c r="F13" s="1"/>
      <c r="G13" s="1"/>
      <c r="H13" s="1"/>
      <c r="I13" s="1"/>
      <c r="J13" s="1"/>
      <c r="K13" s="1"/>
      <c r="L13" s="1"/>
      <c r="M13" s="1"/>
      <c r="N13" s="1"/>
      <c r="O13" s="1"/>
      <c r="P13" s="1"/>
      <c r="Q13" s="1"/>
      <c r="R13" s="2"/>
      <c r="S13" s="2"/>
      <c r="T13" s="2"/>
      <c r="U13" s="5"/>
      <c r="V13" s="5"/>
      <c r="W13" s="5"/>
      <c r="X13" s="5"/>
      <c r="Y13" s="5"/>
      <c r="Z13" s="5"/>
      <c r="AA13" s="5"/>
      <c r="AP13" s="180"/>
    </row>
    <row r="14" spans="1:46" ht="18" customHeight="1" x14ac:dyDescent="0.2">
      <c r="A14" s="8"/>
      <c r="B14" s="8"/>
      <c r="C14" s="8" t="s">
        <v>1241</v>
      </c>
      <c r="D14" s="1"/>
      <c r="E14" s="1"/>
      <c r="F14" s="1"/>
      <c r="G14" s="1"/>
      <c r="H14" s="1"/>
      <c r="I14" s="1"/>
      <c r="J14" s="1"/>
      <c r="K14" s="1"/>
      <c r="L14" s="1"/>
      <c r="M14" s="1"/>
      <c r="N14" s="1"/>
      <c r="O14" s="1"/>
      <c r="P14" s="1"/>
      <c r="Q14" s="1"/>
      <c r="R14" s="2"/>
      <c r="S14" s="2"/>
      <c r="T14" s="2"/>
      <c r="U14" s="5"/>
      <c r="V14" s="5"/>
      <c r="W14" s="5"/>
      <c r="X14" s="5"/>
      <c r="Y14" s="5"/>
      <c r="Z14" s="5"/>
      <c r="AA14" s="5"/>
    </row>
    <row r="15" spans="1:46" ht="28.2" customHeight="1" x14ac:dyDescent="0.2">
      <c r="A15" s="8"/>
      <c r="B15" s="8"/>
      <c r="C15" s="152" t="s">
        <v>131</v>
      </c>
      <c r="D15" s="1"/>
      <c r="E15" s="1"/>
      <c r="F15" s="1"/>
      <c r="G15" s="151"/>
      <c r="H15" s="1"/>
      <c r="I15" s="1"/>
      <c r="J15" s="1"/>
      <c r="K15" s="1"/>
      <c r="L15" s="1"/>
      <c r="M15" s="1"/>
      <c r="N15" s="1"/>
      <c r="O15" s="1"/>
      <c r="P15" s="1"/>
      <c r="Q15" s="1"/>
      <c r="R15" s="2"/>
      <c r="S15" s="2"/>
      <c r="T15" s="2"/>
      <c r="U15" s="5"/>
      <c r="V15" s="5"/>
      <c r="W15" s="5"/>
      <c r="X15" s="5"/>
      <c r="Y15" s="5"/>
      <c r="Z15" s="5"/>
      <c r="AA15" s="5"/>
    </row>
    <row r="16" spans="1:46" ht="18" customHeight="1" x14ac:dyDescent="0.2">
      <c r="B16" s="8"/>
      <c r="C16" s="1"/>
      <c r="D16" s="1"/>
      <c r="E16" s="1"/>
      <c r="F16" s="1"/>
      <c r="G16" s="1"/>
      <c r="H16" s="1"/>
      <c r="I16" s="1"/>
      <c r="J16" s="1"/>
      <c r="K16" s="1"/>
      <c r="L16" s="1"/>
      <c r="M16" s="1"/>
      <c r="N16" s="1"/>
      <c r="O16" s="1"/>
      <c r="P16" s="1"/>
      <c r="Q16" s="1"/>
      <c r="R16" s="2"/>
      <c r="S16" s="109"/>
      <c r="T16" s="109"/>
      <c r="U16" s="109"/>
      <c r="V16" s="236"/>
      <c r="W16" s="237"/>
      <c r="X16" s="22" t="s">
        <v>962</v>
      </c>
      <c r="Y16" s="23"/>
      <c r="Z16" s="23"/>
      <c r="AA16" s="23"/>
      <c r="AB16" s="4"/>
      <c r="AC16" s="6"/>
      <c r="AD16" s="16"/>
      <c r="AE16" s="16"/>
      <c r="AF16" s="238"/>
      <c r="AG16" s="239"/>
      <c r="AH16" s="22" t="s">
        <v>968</v>
      </c>
      <c r="AI16" s="23"/>
      <c r="AJ16" s="23"/>
      <c r="AO16" s="4"/>
      <c r="AP16" s="6"/>
      <c r="AS16" s="272"/>
      <c r="AT16" s="273"/>
    </row>
    <row r="17" spans="1:46" ht="13.2" customHeight="1" x14ac:dyDescent="0.2">
      <c r="B17" s="8"/>
      <c r="C17" s="1"/>
      <c r="D17" s="1"/>
      <c r="E17" s="1"/>
      <c r="F17" s="1"/>
      <c r="G17" s="1"/>
      <c r="H17" s="1"/>
      <c r="I17" s="1"/>
      <c r="J17" s="1"/>
      <c r="K17" s="1"/>
      <c r="L17" s="1"/>
      <c r="M17" s="1"/>
      <c r="N17" s="1"/>
      <c r="O17" s="1"/>
      <c r="P17" s="1"/>
      <c r="Q17" s="1"/>
      <c r="R17" s="2"/>
      <c r="S17" s="109"/>
      <c r="T17" s="109"/>
      <c r="U17" s="109"/>
      <c r="V17" s="29"/>
      <c r="W17" s="29"/>
      <c r="X17" s="22"/>
      <c r="Y17" s="23"/>
      <c r="Z17" s="23"/>
      <c r="AA17" s="23"/>
      <c r="AB17" s="4"/>
      <c r="AC17" s="6"/>
      <c r="AD17" s="240"/>
      <c r="AE17" s="240"/>
      <c r="AF17" s="29"/>
      <c r="AG17" s="29"/>
      <c r="AH17" s="22"/>
      <c r="AI17" s="23"/>
      <c r="AJ17" s="23"/>
      <c r="AO17" s="4"/>
      <c r="AP17" s="6"/>
      <c r="AS17" s="272"/>
      <c r="AT17" s="273"/>
    </row>
    <row r="18" spans="1:46" ht="21.6" customHeight="1" x14ac:dyDescent="0.2">
      <c r="A18" s="8"/>
      <c r="B18" s="8"/>
      <c r="C18" s="14" t="s">
        <v>130</v>
      </c>
      <c r="D18" s="1"/>
      <c r="E18" s="1"/>
      <c r="F18" s="1"/>
      <c r="G18" s="1"/>
      <c r="H18" s="1"/>
      <c r="I18" s="1"/>
      <c r="J18" s="1"/>
      <c r="K18" s="1"/>
      <c r="L18" s="1"/>
      <c r="M18" s="1"/>
      <c r="N18" s="1"/>
      <c r="O18" s="1"/>
      <c r="P18" s="1"/>
      <c r="Q18" s="1"/>
      <c r="R18" s="2"/>
      <c r="S18" s="2"/>
      <c r="T18" s="2"/>
      <c r="U18" s="5"/>
      <c r="V18" s="5"/>
      <c r="W18" s="5"/>
      <c r="X18" s="5"/>
      <c r="Y18" s="5"/>
      <c r="Z18" s="5"/>
      <c r="AA18" s="5"/>
    </row>
    <row r="19" spans="1:46" ht="24.6" customHeight="1" thickBot="1" x14ac:dyDescent="0.25">
      <c r="C19" s="1280" t="s">
        <v>29</v>
      </c>
      <c r="D19" s="1281"/>
      <c r="E19" s="1281"/>
      <c r="F19" s="1281"/>
      <c r="G19" s="1281"/>
      <c r="H19" s="1281"/>
      <c r="I19" s="1281"/>
      <c r="J19" s="1281"/>
      <c r="K19" s="1281"/>
      <c r="L19" s="1281"/>
      <c r="M19" s="1281"/>
      <c r="N19" s="1281"/>
      <c r="O19" s="1281"/>
      <c r="P19" s="1281"/>
      <c r="Q19" s="1281"/>
      <c r="R19" s="1281"/>
      <c r="S19" s="1282"/>
      <c r="T19" s="1280" t="s">
        <v>31</v>
      </c>
      <c r="U19" s="1281"/>
      <c r="V19" s="1281"/>
      <c r="W19" s="1281"/>
      <c r="X19" s="1281"/>
      <c r="Y19" s="1281"/>
      <c r="Z19" s="1281"/>
      <c r="AA19" s="1281"/>
      <c r="AB19" s="1281"/>
      <c r="AC19" s="1281"/>
      <c r="AD19" s="1281"/>
      <c r="AE19" s="1281"/>
      <c r="AF19" s="1281"/>
      <c r="AG19" s="1281"/>
      <c r="AH19" s="1281"/>
      <c r="AI19" s="1281"/>
      <c r="AJ19" s="1282"/>
      <c r="AO19" s="184" t="s">
        <v>659</v>
      </c>
      <c r="AP19" s="161" t="s">
        <v>152</v>
      </c>
    </row>
    <row r="20" spans="1:46" ht="40.200000000000003" customHeight="1" thickTop="1" x14ac:dyDescent="0.2">
      <c r="C20" s="1216" t="s">
        <v>594</v>
      </c>
      <c r="D20" s="1217"/>
      <c r="E20" s="1273" t="s">
        <v>1244</v>
      </c>
      <c r="F20" s="1274"/>
      <c r="G20" s="1274"/>
      <c r="H20" s="1274"/>
      <c r="I20" s="1274"/>
      <c r="J20" s="1274"/>
      <c r="K20" s="1274"/>
      <c r="L20" s="1274"/>
      <c r="M20" s="1274"/>
      <c r="N20" s="1274"/>
      <c r="O20" s="1274"/>
      <c r="P20" s="1274"/>
      <c r="Q20" s="1274"/>
      <c r="R20" s="1274"/>
      <c r="S20" s="1275"/>
      <c r="T20" s="1276" t="s">
        <v>12</v>
      </c>
      <c r="U20" s="1277"/>
      <c r="V20" s="1278">
        <f>明細書【窓・玄関ドア】!AS66</f>
        <v>0</v>
      </c>
      <c r="W20" s="1279"/>
      <c r="X20" s="1279"/>
      <c r="Y20" s="1279"/>
      <c r="Z20" s="1279"/>
      <c r="AA20" s="1279"/>
      <c r="AB20" s="1279"/>
      <c r="AC20" s="1279"/>
      <c r="AD20" s="1279"/>
      <c r="AE20" s="1279"/>
      <c r="AF20" s="1279"/>
      <c r="AG20" s="1279"/>
      <c r="AH20" s="1279"/>
      <c r="AI20" s="1283" t="s">
        <v>0</v>
      </c>
      <c r="AJ20" s="1284"/>
      <c r="AO20" s="187">
        <v>1</v>
      </c>
      <c r="AP20" s="347"/>
    </row>
    <row r="21" spans="1:46" ht="40.200000000000003" customHeight="1" thickBot="1" x14ac:dyDescent="0.25">
      <c r="C21" s="1218"/>
      <c r="D21" s="1219"/>
      <c r="E21" s="1265" t="s">
        <v>21</v>
      </c>
      <c r="F21" s="1266"/>
      <c r="G21" s="1266"/>
      <c r="H21" s="1266"/>
      <c r="I21" s="1266"/>
      <c r="J21" s="1266"/>
      <c r="K21" s="1266"/>
      <c r="L21" s="1266"/>
      <c r="M21" s="1266"/>
      <c r="N21" s="1266"/>
      <c r="O21" s="1266"/>
      <c r="P21" s="1266"/>
      <c r="Q21" s="1266"/>
      <c r="R21" s="1266"/>
      <c r="S21" s="1267"/>
      <c r="T21" s="1210" t="s">
        <v>12</v>
      </c>
      <c r="U21" s="1211"/>
      <c r="V21" s="1212">
        <f>明細書【窓・玄関ドア】!AL83</f>
        <v>0</v>
      </c>
      <c r="W21" s="1213"/>
      <c r="X21" s="1213"/>
      <c r="Y21" s="1213"/>
      <c r="Z21" s="1213"/>
      <c r="AA21" s="1213"/>
      <c r="AB21" s="1213"/>
      <c r="AC21" s="1213"/>
      <c r="AD21" s="1213"/>
      <c r="AE21" s="1213"/>
      <c r="AF21" s="1213"/>
      <c r="AG21" s="1213"/>
      <c r="AH21" s="1213"/>
      <c r="AI21" s="1214" t="s">
        <v>0</v>
      </c>
      <c r="AJ21" s="1215"/>
      <c r="AO21" s="346">
        <v>2</v>
      </c>
      <c r="AP21" s="347"/>
    </row>
    <row r="22" spans="1:46" ht="39.6" customHeight="1" thickTop="1" thickBot="1" x14ac:dyDescent="0.25">
      <c r="C22" s="1262" t="s">
        <v>128</v>
      </c>
      <c r="D22" s="1263"/>
      <c r="E22" s="1263"/>
      <c r="F22" s="1263"/>
      <c r="G22" s="1263"/>
      <c r="H22" s="1263"/>
      <c r="I22" s="1263"/>
      <c r="J22" s="1263"/>
      <c r="K22" s="1263"/>
      <c r="L22" s="1263"/>
      <c r="M22" s="1263"/>
      <c r="N22" s="1263"/>
      <c r="O22" s="1263"/>
      <c r="P22" s="1263"/>
      <c r="Q22" s="1263"/>
      <c r="R22" s="1263"/>
      <c r="S22" s="1264"/>
      <c r="T22" s="1256" t="s">
        <v>12</v>
      </c>
      <c r="U22" s="1257"/>
      <c r="V22" s="1258">
        <f>SUM(V20:AH21)</f>
        <v>0</v>
      </c>
      <c r="W22" s="1259"/>
      <c r="X22" s="1259"/>
      <c r="Y22" s="1259"/>
      <c r="Z22" s="1259"/>
      <c r="AA22" s="1259"/>
      <c r="AB22" s="1259"/>
      <c r="AC22" s="1259"/>
      <c r="AD22" s="1259"/>
      <c r="AE22" s="1259"/>
      <c r="AF22" s="1259"/>
      <c r="AG22" s="1259"/>
      <c r="AH22" s="1259"/>
      <c r="AI22" s="1260" t="s">
        <v>0</v>
      </c>
      <c r="AJ22" s="1261"/>
      <c r="AO22" s="187">
        <v>3</v>
      </c>
      <c r="AP22" s="347"/>
    </row>
    <row r="23" spans="1:46" ht="39.6" customHeight="1" x14ac:dyDescent="0.2">
      <c r="C23" s="141"/>
      <c r="D23" s="142"/>
      <c r="E23" s="1290" t="s">
        <v>129</v>
      </c>
      <c r="F23" s="1291"/>
      <c r="G23" s="1291"/>
      <c r="H23" s="1291"/>
      <c r="I23" s="1291"/>
      <c r="J23" s="1291"/>
      <c r="K23" s="1291"/>
      <c r="L23" s="1291"/>
      <c r="M23" s="1291"/>
      <c r="N23" s="1291"/>
      <c r="O23" s="1291"/>
      <c r="P23" s="1291"/>
      <c r="Q23" s="1291"/>
      <c r="R23" s="1291"/>
      <c r="S23" s="1292"/>
      <c r="T23" s="1238" t="s">
        <v>12</v>
      </c>
      <c r="U23" s="1239"/>
      <c r="V23" s="1240">
        <f>明細書【断熱パネル】!AP63</f>
        <v>0</v>
      </c>
      <c r="W23" s="1241"/>
      <c r="X23" s="1241"/>
      <c r="Y23" s="1241"/>
      <c r="Z23" s="1241"/>
      <c r="AA23" s="1241"/>
      <c r="AB23" s="1241"/>
      <c r="AC23" s="1241"/>
      <c r="AD23" s="1241"/>
      <c r="AE23" s="1241"/>
      <c r="AF23" s="1241"/>
      <c r="AG23" s="1241"/>
      <c r="AH23" s="1241"/>
      <c r="AI23" s="1242" t="s">
        <v>0</v>
      </c>
      <c r="AJ23" s="1243"/>
      <c r="AO23" s="187">
        <v>4</v>
      </c>
      <c r="AP23" s="347"/>
    </row>
    <row r="24" spans="1:46" ht="39.6" customHeight="1" x14ac:dyDescent="0.2">
      <c r="C24" s="1301" t="s">
        <v>127</v>
      </c>
      <c r="D24" s="1302"/>
      <c r="E24" s="1265" t="s">
        <v>30</v>
      </c>
      <c r="F24" s="1266"/>
      <c r="G24" s="1266"/>
      <c r="H24" s="1266"/>
      <c r="I24" s="1266"/>
      <c r="J24" s="1266"/>
      <c r="K24" s="1266"/>
      <c r="L24" s="1266"/>
      <c r="M24" s="1266"/>
      <c r="N24" s="1266"/>
      <c r="O24" s="1266"/>
      <c r="P24" s="1266"/>
      <c r="Q24" s="1266"/>
      <c r="R24" s="1266"/>
      <c r="S24" s="1267"/>
      <c r="T24" s="1210" t="s">
        <v>12</v>
      </c>
      <c r="U24" s="1211"/>
      <c r="V24" s="1212">
        <f>明細書【潜熱蓄熱建材】!AX58</f>
        <v>0</v>
      </c>
      <c r="W24" s="1213"/>
      <c r="X24" s="1213"/>
      <c r="Y24" s="1213"/>
      <c r="Z24" s="1213"/>
      <c r="AA24" s="1213"/>
      <c r="AB24" s="1213"/>
      <c r="AC24" s="1213"/>
      <c r="AD24" s="1213"/>
      <c r="AE24" s="1213"/>
      <c r="AF24" s="1213"/>
      <c r="AG24" s="1213"/>
      <c r="AH24" s="1213"/>
      <c r="AI24" s="1214" t="s">
        <v>0</v>
      </c>
      <c r="AJ24" s="1215"/>
      <c r="AO24" s="187">
        <v>5</v>
      </c>
      <c r="AP24" s="347"/>
    </row>
    <row r="25" spans="1:46" ht="39.6" hidden="1" customHeight="1" x14ac:dyDescent="0.2">
      <c r="C25" s="1301"/>
      <c r="D25" s="1302"/>
      <c r="E25" s="1233"/>
      <c r="F25" s="1234"/>
      <c r="G25" s="1234"/>
      <c r="H25" s="1234"/>
      <c r="I25" s="1234"/>
      <c r="J25" s="1234"/>
      <c r="K25" s="1234"/>
      <c r="L25" s="1234"/>
      <c r="M25" s="1234"/>
      <c r="N25" s="1234"/>
      <c r="O25" s="1234"/>
      <c r="P25" s="1234"/>
      <c r="Q25" s="1234"/>
      <c r="R25" s="1234"/>
      <c r="S25" s="1235"/>
      <c r="T25" s="1236"/>
      <c r="U25" s="1237"/>
      <c r="V25" s="349"/>
      <c r="W25" s="350"/>
      <c r="X25" s="350"/>
      <c r="Y25" s="350"/>
      <c r="Z25" s="350"/>
      <c r="AA25" s="350"/>
      <c r="AB25" s="350"/>
      <c r="AC25" s="350"/>
      <c r="AD25" s="350"/>
      <c r="AE25" s="350"/>
      <c r="AF25" s="350"/>
      <c r="AG25" s="350"/>
      <c r="AH25" s="350"/>
      <c r="AI25" s="351"/>
      <c r="AJ25" s="352"/>
      <c r="AO25" s="348"/>
      <c r="AP25" s="354"/>
    </row>
    <row r="26" spans="1:46" ht="39.6" customHeight="1" x14ac:dyDescent="0.2">
      <c r="C26" s="1301"/>
      <c r="D26" s="1302"/>
      <c r="E26" s="1303" t="s">
        <v>37</v>
      </c>
      <c r="F26" s="1304"/>
      <c r="G26" s="1304"/>
      <c r="H26" s="1304"/>
      <c r="I26" s="1304"/>
      <c r="J26" s="1304"/>
      <c r="K26" s="1304"/>
      <c r="L26" s="1304"/>
      <c r="M26" s="1304"/>
      <c r="N26" s="1304"/>
      <c r="O26" s="1304"/>
      <c r="P26" s="1304"/>
      <c r="Q26" s="1304"/>
      <c r="R26" s="1304"/>
      <c r="S26" s="1305"/>
      <c r="T26" s="1306" t="s">
        <v>12</v>
      </c>
      <c r="U26" s="1307"/>
      <c r="V26" s="1308">
        <f>明細書【断熱材】!AN55</f>
        <v>0</v>
      </c>
      <c r="W26" s="1309"/>
      <c r="X26" s="1309"/>
      <c r="Y26" s="1309"/>
      <c r="Z26" s="1309"/>
      <c r="AA26" s="1309"/>
      <c r="AB26" s="1309"/>
      <c r="AC26" s="1309"/>
      <c r="AD26" s="1309"/>
      <c r="AE26" s="1309"/>
      <c r="AF26" s="1309"/>
      <c r="AG26" s="1309"/>
      <c r="AH26" s="1309"/>
      <c r="AI26" s="1231" t="s">
        <v>0</v>
      </c>
      <c r="AJ26" s="1232"/>
      <c r="AO26" s="187">
        <v>6</v>
      </c>
      <c r="AP26" s="347"/>
    </row>
    <row r="27" spans="1:46" ht="39.6" customHeight="1" thickBot="1" x14ac:dyDescent="0.25">
      <c r="C27" s="1301"/>
      <c r="D27" s="1302"/>
      <c r="E27" s="1293" t="s">
        <v>22</v>
      </c>
      <c r="F27" s="1294"/>
      <c r="G27" s="1294"/>
      <c r="H27" s="1294"/>
      <c r="I27" s="1294"/>
      <c r="J27" s="1294"/>
      <c r="K27" s="1294"/>
      <c r="L27" s="1294"/>
      <c r="M27" s="1294"/>
      <c r="N27" s="1294"/>
      <c r="O27" s="1294"/>
      <c r="P27" s="1294"/>
      <c r="Q27" s="1294"/>
      <c r="R27" s="1294"/>
      <c r="S27" s="1295"/>
      <c r="T27" s="1227" t="s">
        <v>12</v>
      </c>
      <c r="U27" s="1228"/>
      <c r="V27" s="1229" t="str">
        <f>明細書【調湿建材】!AL45</f>
        <v/>
      </c>
      <c r="W27" s="1230"/>
      <c r="X27" s="1230"/>
      <c r="Y27" s="1230"/>
      <c r="Z27" s="1230"/>
      <c r="AA27" s="1230"/>
      <c r="AB27" s="1230"/>
      <c r="AC27" s="1230"/>
      <c r="AD27" s="1230"/>
      <c r="AE27" s="1230"/>
      <c r="AF27" s="1230"/>
      <c r="AG27" s="1230"/>
      <c r="AH27" s="1230"/>
      <c r="AI27" s="1268" t="s">
        <v>0</v>
      </c>
      <c r="AJ27" s="1269"/>
      <c r="AO27" s="187">
        <v>7</v>
      </c>
      <c r="AP27" s="347"/>
    </row>
    <row r="28" spans="1:46" ht="39.6" customHeight="1" thickTop="1" x14ac:dyDescent="0.2">
      <c r="C28" s="1296" t="s">
        <v>38</v>
      </c>
      <c r="D28" s="1297"/>
      <c r="E28" s="1297"/>
      <c r="F28" s="1297"/>
      <c r="G28" s="1297"/>
      <c r="H28" s="1297"/>
      <c r="I28" s="1297"/>
      <c r="J28" s="1297"/>
      <c r="K28" s="1297"/>
      <c r="L28" s="1297"/>
      <c r="M28" s="1297"/>
      <c r="N28" s="1297"/>
      <c r="O28" s="1297"/>
      <c r="P28" s="1297"/>
      <c r="Q28" s="1297"/>
      <c r="R28" s="1297"/>
      <c r="S28" s="1298"/>
      <c r="T28" s="1276" t="s">
        <v>12</v>
      </c>
      <c r="U28" s="1277"/>
      <c r="V28" s="1299">
        <f>SUM(V23:AH27)</f>
        <v>0</v>
      </c>
      <c r="W28" s="1300"/>
      <c r="X28" s="1300"/>
      <c r="Y28" s="1300"/>
      <c r="Z28" s="1300"/>
      <c r="AA28" s="1300"/>
      <c r="AB28" s="1300"/>
      <c r="AC28" s="1300"/>
      <c r="AD28" s="1300"/>
      <c r="AE28" s="1300"/>
      <c r="AF28" s="1300"/>
      <c r="AG28" s="1300"/>
      <c r="AH28" s="1300"/>
      <c r="AI28" s="1283" t="s">
        <v>0</v>
      </c>
      <c r="AJ28" s="1284"/>
      <c r="AO28" s="187">
        <v>8</v>
      </c>
      <c r="AP28" s="347"/>
    </row>
    <row r="29" spans="1:46" ht="39.6" hidden="1" customHeight="1" x14ac:dyDescent="0.2">
      <c r="A29" s="91"/>
      <c r="B29" s="91"/>
      <c r="C29" s="91"/>
      <c r="D29" s="91"/>
      <c r="E29" s="91"/>
      <c r="F29" s="91"/>
      <c r="G29" s="91"/>
      <c r="H29" s="91"/>
      <c r="I29" s="91"/>
      <c r="J29" s="91"/>
      <c r="K29" s="91"/>
      <c r="L29" s="91"/>
      <c r="M29" s="91"/>
      <c r="N29" s="91"/>
      <c r="O29" s="91"/>
      <c r="P29" s="91"/>
      <c r="Q29" s="91"/>
      <c r="R29" s="33"/>
      <c r="S29" s="33"/>
      <c r="T29" s="92"/>
      <c r="U29" s="33"/>
      <c r="V29" s="93"/>
      <c r="W29" s="33"/>
      <c r="X29" s="33"/>
      <c r="Y29" s="33"/>
      <c r="Z29" s="33"/>
      <c r="AA29" s="33"/>
      <c r="AB29" s="33"/>
      <c r="AC29" s="33"/>
      <c r="AD29" s="33"/>
      <c r="AE29" s="33"/>
      <c r="AF29" s="33"/>
      <c r="AG29" s="33"/>
      <c r="AH29" s="33"/>
      <c r="AI29" s="33"/>
      <c r="AJ29" s="33"/>
      <c r="AK29" s="33"/>
      <c r="AL29" s="33"/>
      <c r="AM29" s="33"/>
      <c r="AN29" s="33"/>
    </row>
    <row r="30" spans="1:46" ht="39.6" customHeight="1" x14ac:dyDescent="0.2">
      <c r="A30" s="91"/>
      <c r="B30" s="91"/>
      <c r="C30" s="91"/>
      <c r="D30" s="91"/>
      <c r="E30" s="91"/>
      <c r="F30" s="91"/>
      <c r="G30" s="91"/>
      <c r="H30" s="91"/>
      <c r="I30" s="91"/>
      <c r="J30" s="91"/>
      <c r="K30" s="91"/>
      <c r="L30" s="91"/>
      <c r="M30" s="91"/>
      <c r="N30" s="91"/>
      <c r="O30" s="91"/>
      <c r="P30" s="91"/>
      <c r="Q30" s="91"/>
      <c r="R30" s="33"/>
      <c r="S30" s="33"/>
      <c r="T30" s="92"/>
      <c r="U30" s="33"/>
      <c r="V30" s="93"/>
      <c r="W30" s="33"/>
      <c r="X30" s="33"/>
      <c r="Y30" s="33"/>
      <c r="Z30" s="33"/>
      <c r="AA30" s="33"/>
      <c r="AB30" s="33"/>
      <c r="AC30" s="33"/>
      <c r="AD30" s="33"/>
      <c r="AE30" s="33"/>
      <c r="AF30" s="33"/>
      <c r="AG30" s="33"/>
      <c r="AH30" s="33"/>
      <c r="AI30" s="33"/>
      <c r="AJ30" s="33"/>
      <c r="AK30" s="33"/>
      <c r="AL30" s="33"/>
      <c r="AM30" s="33"/>
      <c r="AN30" s="33"/>
    </row>
    <row r="31" spans="1:46" ht="21" customHeight="1" x14ac:dyDescent="0.2">
      <c r="A31" s="14"/>
      <c r="B31" s="14"/>
      <c r="C31" s="14" t="s">
        <v>83</v>
      </c>
      <c r="D31" s="1"/>
      <c r="E31" s="1"/>
      <c r="F31" s="1"/>
      <c r="G31" s="1"/>
      <c r="H31" s="1"/>
      <c r="I31" s="1"/>
      <c r="J31" s="1"/>
      <c r="K31" s="1"/>
      <c r="L31" s="1"/>
      <c r="M31" s="1"/>
      <c r="N31" s="1"/>
      <c r="O31" s="1"/>
      <c r="P31" s="1"/>
      <c r="Q31" s="1"/>
      <c r="R31" s="2"/>
      <c r="S31" s="2"/>
      <c r="T31" s="89"/>
      <c r="U31" s="3"/>
      <c r="V31" s="3"/>
      <c r="W31" s="3"/>
      <c r="X31" s="3"/>
      <c r="Y31" s="3"/>
      <c r="Z31" s="3"/>
      <c r="AA31" s="3"/>
      <c r="AB31" s="3"/>
      <c r="AC31" s="1"/>
      <c r="AD31" s="1"/>
      <c r="AE31" s="1"/>
      <c r="AF31" s="1"/>
      <c r="AG31" s="1"/>
      <c r="AH31" s="90"/>
      <c r="AI31" s="90"/>
      <c r="AJ31" s="90"/>
      <c r="AK31" s="90"/>
      <c r="AL31" s="90"/>
      <c r="AM31" s="223"/>
      <c r="AN31" s="223"/>
      <c r="AO31" s="184" t="s">
        <v>659</v>
      </c>
      <c r="AP31" s="161" t="s">
        <v>152</v>
      </c>
    </row>
    <row r="32" spans="1:46" ht="39.6" customHeight="1" x14ac:dyDescent="0.2">
      <c r="C32" s="1310" t="s">
        <v>89</v>
      </c>
      <c r="D32" s="1311"/>
      <c r="E32" s="1311"/>
      <c r="F32" s="1311"/>
      <c r="G32" s="1311"/>
      <c r="H32" s="1311"/>
      <c r="I32" s="1311"/>
      <c r="J32" s="1311"/>
      <c r="K32" s="1311"/>
      <c r="L32" s="1311"/>
      <c r="M32" s="1311"/>
      <c r="N32" s="1311"/>
      <c r="O32" s="1311"/>
      <c r="P32" s="1311"/>
      <c r="Q32" s="1311"/>
      <c r="R32" s="1311"/>
      <c r="S32" s="1312"/>
      <c r="T32" s="1306" t="s">
        <v>12</v>
      </c>
      <c r="U32" s="1307"/>
      <c r="V32" s="1313">
        <f>IF(V22="","",SUM(V22,V28))</f>
        <v>0</v>
      </c>
      <c r="W32" s="1314"/>
      <c r="X32" s="1314"/>
      <c r="Y32" s="1314"/>
      <c r="Z32" s="1314"/>
      <c r="AA32" s="1314"/>
      <c r="AB32" s="1314"/>
      <c r="AC32" s="1314"/>
      <c r="AD32" s="1314"/>
      <c r="AE32" s="1314"/>
      <c r="AF32" s="1314"/>
      <c r="AG32" s="1314"/>
      <c r="AH32" s="1314"/>
      <c r="AI32" s="1231" t="s">
        <v>0</v>
      </c>
      <c r="AJ32" s="1232"/>
      <c r="AO32" s="187">
        <v>9</v>
      </c>
      <c r="AP32" s="347"/>
    </row>
    <row r="33" spans="1:42" ht="39.6" customHeight="1" x14ac:dyDescent="0.2">
      <c r="C33" s="1310" t="s">
        <v>94</v>
      </c>
      <c r="D33" s="1311"/>
      <c r="E33" s="1311"/>
      <c r="F33" s="1311"/>
      <c r="G33" s="1311"/>
      <c r="H33" s="1311"/>
      <c r="I33" s="1311"/>
      <c r="J33" s="1311"/>
      <c r="K33" s="1311"/>
      <c r="L33" s="1311"/>
      <c r="M33" s="1311"/>
      <c r="N33" s="1311"/>
      <c r="O33" s="1311"/>
      <c r="P33" s="1311"/>
      <c r="Q33" s="1311"/>
      <c r="R33" s="1311"/>
      <c r="S33" s="1312"/>
      <c r="T33" s="1210" t="s">
        <v>12</v>
      </c>
      <c r="U33" s="1211"/>
      <c r="V33" s="1316">
        <f>IF(V32="","",ROUNDDOWN(V32/2,0))</f>
        <v>0</v>
      </c>
      <c r="W33" s="1317"/>
      <c r="X33" s="1317"/>
      <c r="Y33" s="1317"/>
      <c r="Z33" s="1317"/>
      <c r="AA33" s="1317"/>
      <c r="AB33" s="1317"/>
      <c r="AC33" s="1317"/>
      <c r="AD33" s="1317"/>
      <c r="AE33" s="1317"/>
      <c r="AF33" s="1317"/>
      <c r="AG33" s="1317"/>
      <c r="AH33" s="1317"/>
      <c r="AI33" s="1214" t="s">
        <v>0</v>
      </c>
      <c r="AJ33" s="1215"/>
      <c r="AO33" s="187">
        <v>10</v>
      </c>
      <c r="AP33" s="347"/>
    </row>
    <row r="34" spans="1:42" ht="29.4" customHeight="1" x14ac:dyDescent="0.2">
      <c r="C34" s="95"/>
      <c r="D34" s="95"/>
      <c r="E34" s="95"/>
      <c r="F34" s="95"/>
      <c r="G34" s="95"/>
      <c r="H34" s="95"/>
      <c r="I34" s="95"/>
      <c r="J34" s="95"/>
      <c r="K34" s="95"/>
      <c r="L34" s="95"/>
      <c r="M34" s="95"/>
      <c r="N34" s="95"/>
      <c r="O34" s="95"/>
      <c r="P34" s="95"/>
      <c r="Q34" s="95"/>
      <c r="R34" s="95"/>
      <c r="S34" s="95"/>
      <c r="T34" s="96"/>
      <c r="U34" s="96"/>
      <c r="V34" s="97"/>
      <c r="W34" s="97"/>
      <c r="X34" s="97"/>
      <c r="Y34" s="97"/>
      <c r="Z34" s="97"/>
      <c r="AA34" s="97"/>
      <c r="AB34" s="97"/>
      <c r="AC34" s="97"/>
      <c r="AD34" s="97"/>
      <c r="AE34" s="97"/>
      <c r="AF34" s="97"/>
      <c r="AG34" s="97"/>
      <c r="AH34" s="97"/>
      <c r="AI34" s="96"/>
      <c r="AJ34" s="96"/>
    </row>
    <row r="35" spans="1:42" ht="16.8" thickBot="1" x14ac:dyDescent="0.25">
      <c r="A35" s="91"/>
      <c r="B35" s="91"/>
      <c r="C35" s="91"/>
      <c r="D35" s="91"/>
      <c r="E35" s="91"/>
      <c r="F35" s="91"/>
      <c r="G35" s="91"/>
      <c r="H35" s="91"/>
      <c r="I35" s="91"/>
      <c r="J35" s="91"/>
      <c r="K35" s="91"/>
      <c r="L35" s="91"/>
      <c r="M35" s="91"/>
      <c r="N35" s="91"/>
      <c r="O35" s="91"/>
      <c r="P35" s="91"/>
      <c r="Q35" s="91"/>
      <c r="R35" s="96"/>
      <c r="S35" s="96"/>
      <c r="T35" s="1318"/>
      <c r="U35" s="1318"/>
      <c r="V35" s="1318"/>
      <c r="W35" s="1318"/>
      <c r="X35" s="1318"/>
      <c r="Y35" s="1318"/>
      <c r="Z35" s="1318"/>
      <c r="AA35" s="1318"/>
      <c r="AB35" s="1318"/>
      <c r="AC35" s="1318"/>
      <c r="AD35" s="1318"/>
      <c r="AE35" s="1318"/>
      <c r="AF35" s="1318"/>
      <c r="AG35" s="1318"/>
      <c r="AH35" s="1318"/>
      <c r="AI35" s="1318"/>
      <c r="AJ35" s="1318"/>
      <c r="AK35" s="98"/>
      <c r="AL35" s="98"/>
      <c r="AM35" s="98"/>
      <c r="AN35" s="98"/>
      <c r="AO35" s="184" t="s">
        <v>659</v>
      </c>
      <c r="AP35" s="161" t="s">
        <v>152</v>
      </c>
    </row>
    <row r="36" spans="1:42" ht="65.400000000000006" customHeight="1" thickBot="1" x14ac:dyDescent="0.25">
      <c r="A36" s="33"/>
      <c r="B36" s="33"/>
      <c r="C36" s="1244" t="s">
        <v>967</v>
      </c>
      <c r="D36" s="1245"/>
      <c r="E36" s="1245"/>
      <c r="F36" s="1245"/>
      <c r="G36" s="1245"/>
      <c r="H36" s="1245"/>
      <c r="I36" s="1245"/>
      <c r="J36" s="1245"/>
      <c r="K36" s="1245"/>
      <c r="L36" s="1245"/>
      <c r="M36" s="1245"/>
      <c r="N36" s="1245"/>
      <c r="O36" s="1245"/>
      <c r="P36" s="1245"/>
      <c r="Q36" s="1245"/>
      <c r="R36" s="1245"/>
      <c r="S36" s="1246"/>
      <c r="T36" s="1247">
        <f>IF(OR(AD11="■"),MIN(V33,1500000),MIN(V33,2000000))</f>
        <v>0</v>
      </c>
      <c r="U36" s="1248"/>
      <c r="V36" s="1248"/>
      <c r="W36" s="1248"/>
      <c r="X36" s="1248"/>
      <c r="Y36" s="1248"/>
      <c r="Z36" s="1248"/>
      <c r="AA36" s="1248"/>
      <c r="AB36" s="1248"/>
      <c r="AC36" s="1248"/>
      <c r="AD36" s="1248"/>
      <c r="AE36" s="1248"/>
      <c r="AF36" s="1248"/>
      <c r="AG36" s="1248"/>
      <c r="AH36" s="1248"/>
      <c r="AI36" s="1225" t="s">
        <v>0</v>
      </c>
      <c r="AJ36" s="1226"/>
      <c r="AK36" s="99"/>
      <c r="AL36" s="99"/>
      <c r="AM36" s="99"/>
      <c r="AN36" s="99"/>
      <c r="AO36" s="188">
        <v>11</v>
      </c>
      <c r="AP36" s="347"/>
    </row>
    <row r="37" spans="1:42" ht="21.6" thickBot="1" x14ac:dyDescent="0.25">
      <c r="A37" s="108"/>
      <c r="B37" s="108"/>
      <c r="C37" s="108"/>
      <c r="D37" s="108"/>
      <c r="E37" s="108"/>
      <c r="F37" s="108"/>
      <c r="G37" s="108"/>
      <c r="H37" s="108"/>
      <c r="I37" s="108"/>
      <c r="J37" s="107"/>
      <c r="K37" s="107"/>
      <c r="L37" s="107"/>
      <c r="M37" s="107"/>
      <c r="N37" s="107"/>
      <c r="O37" s="107"/>
      <c r="P37" s="107"/>
      <c r="Q37" s="107"/>
      <c r="R37" s="107"/>
      <c r="S37" s="107"/>
      <c r="T37" s="1315" t="str">
        <f>IF(AD11="■","（D）又は150万円のいずれか低い金額","（D）又は200万円のいずれか低い金額")</f>
        <v>（D）又は150万円のいずれか低い金額</v>
      </c>
      <c r="U37" s="1315"/>
      <c r="V37" s="1315"/>
      <c r="W37" s="1315"/>
      <c r="X37" s="1315"/>
      <c r="Y37" s="1315"/>
      <c r="Z37" s="1315"/>
      <c r="AA37" s="1315"/>
      <c r="AB37" s="1315"/>
      <c r="AC37" s="1315"/>
      <c r="AD37" s="1315"/>
      <c r="AE37" s="1315"/>
      <c r="AF37" s="1315"/>
      <c r="AG37" s="1315"/>
      <c r="AH37" s="1315"/>
      <c r="AI37" s="1315"/>
      <c r="AJ37" s="1315"/>
    </row>
    <row r="38" spans="1:42" ht="65.25" customHeight="1" thickBot="1" x14ac:dyDescent="0.25">
      <c r="A38" s="33"/>
      <c r="B38" s="33"/>
      <c r="C38" s="1220" t="s">
        <v>1245</v>
      </c>
      <c r="D38" s="1221"/>
      <c r="E38" s="1221"/>
      <c r="F38" s="1221"/>
      <c r="G38" s="1221"/>
      <c r="H38" s="1221"/>
      <c r="I38" s="1221"/>
      <c r="J38" s="1221"/>
      <c r="K38" s="1221"/>
      <c r="L38" s="1221"/>
      <c r="M38" s="1221"/>
      <c r="N38" s="1221"/>
      <c r="O38" s="1221"/>
      <c r="P38" s="1221"/>
      <c r="Q38" s="1221"/>
      <c r="R38" s="1221"/>
      <c r="S38" s="1222"/>
      <c r="T38" s="1223"/>
      <c r="U38" s="1224"/>
      <c r="V38" s="1224"/>
      <c r="W38" s="1224"/>
      <c r="X38" s="1224"/>
      <c r="Y38" s="1224"/>
      <c r="Z38" s="1224"/>
      <c r="AA38" s="1224"/>
      <c r="AB38" s="1224"/>
      <c r="AC38" s="1224"/>
      <c r="AD38" s="1224"/>
      <c r="AE38" s="1224"/>
      <c r="AF38" s="1224"/>
      <c r="AG38" s="1224"/>
      <c r="AH38" s="1224"/>
      <c r="AI38" s="1225" t="s">
        <v>0</v>
      </c>
      <c r="AJ38" s="1226"/>
      <c r="AK38" s="99"/>
      <c r="AL38" s="99"/>
      <c r="AM38" s="99"/>
      <c r="AN38" s="99"/>
      <c r="AO38" s="241">
        <v>12</v>
      </c>
      <c r="AP38" s="353"/>
    </row>
    <row r="39" spans="1:42" ht="16.8" customHeight="1" thickBot="1" x14ac:dyDescent="0.25">
      <c r="A39" s="108"/>
      <c r="B39" s="108"/>
      <c r="C39" s="1249" t="s">
        <v>1243</v>
      </c>
      <c r="D39" s="1249"/>
      <c r="E39" s="1249"/>
      <c r="F39" s="1249"/>
      <c r="G39" s="1249"/>
      <c r="H39" s="1249"/>
      <c r="I39" s="1249"/>
      <c r="J39" s="1249"/>
      <c r="K39" s="1249"/>
      <c r="L39" s="1249"/>
      <c r="M39" s="1249"/>
      <c r="N39" s="1249"/>
      <c r="O39" s="1249"/>
      <c r="P39" s="1249"/>
      <c r="Q39" s="1249"/>
      <c r="R39" s="1249"/>
      <c r="S39" s="1249"/>
      <c r="T39" s="1249"/>
      <c r="U39" s="1249"/>
      <c r="V39" s="1249"/>
      <c r="W39" s="1249"/>
      <c r="X39" s="1249"/>
      <c r="Y39" s="1249"/>
      <c r="Z39" s="1249"/>
      <c r="AA39" s="1249"/>
      <c r="AB39" s="1249"/>
      <c r="AC39" s="1249"/>
      <c r="AD39" s="1249"/>
      <c r="AE39" s="1249"/>
      <c r="AF39" s="1249"/>
      <c r="AG39" s="1249"/>
      <c r="AH39" s="1249"/>
      <c r="AI39" s="1249"/>
      <c r="AJ39" s="1249"/>
      <c r="AK39" s="242"/>
      <c r="AL39" s="242"/>
      <c r="AO39" s="4"/>
      <c r="AP39" s="6"/>
    </row>
    <row r="40" spans="1:42" ht="65.25" customHeight="1" thickBot="1" x14ac:dyDescent="0.25">
      <c r="A40" s="33"/>
      <c r="B40" s="33"/>
      <c r="C40" s="1244" t="s">
        <v>963</v>
      </c>
      <c r="D40" s="1245"/>
      <c r="E40" s="1245"/>
      <c r="F40" s="1245"/>
      <c r="G40" s="1245"/>
      <c r="H40" s="1245"/>
      <c r="I40" s="1245"/>
      <c r="J40" s="1245"/>
      <c r="K40" s="1245"/>
      <c r="L40" s="1245"/>
      <c r="M40" s="1245"/>
      <c r="N40" s="1245"/>
      <c r="O40" s="1245"/>
      <c r="P40" s="1245"/>
      <c r="Q40" s="1245"/>
      <c r="R40" s="1245"/>
      <c r="S40" s="1246"/>
      <c r="T40" s="1247">
        <f>MIN(T36,T38)</f>
        <v>0</v>
      </c>
      <c r="U40" s="1248"/>
      <c r="V40" s="1248"/>
      <c r="W40" s="1248"/>
      <c r="X40" s="1248"/>
      <c r="Y40" s="1248"/>
      <c r="Z40" s="1248"/>
      <c r="AA40" s="1248"/>
      <c r="AB40" s="1248"/>
      <c r="AC40" s="1248"/>
      <c r="AD40" s="1248"/>
      <c r="AE40" s="1248"/>
      <c r="AF40" s="1248"/>
      <c r="AG40" s="1248"/>
      <c r="AH40" s="1248"/>
      <c r="AI40" s="1225" t="s">
        <v>0</v>
      </c>
      <c r="AJ40" s="1226"/>
      <c r="AK40" s="99"/>
      <c r="AL40" s="99"/>
      <c r="AM40" s="99"/>
      <c r="AN40" s="99"/>
      <c r="AO40" s="241">
        <v>13</v>
      </c>
      <c r="AP40" s="353"/>
    </row>
  </sheetData>
  <sheetProtection algorithmName="SHA-512" hashValue="KE+QjEoCMpJED8+qhGGMUy9iOOlYfpgHcWPvbjKc5DJs+yEvGSdWZyKMPYc33vRrHBBVKSMhrcRoyyMdEndHKQ==" saltValue="GmjOx9uk72MTIK+1FYRjUQ==" spinCount="100000" sheet="1" objects="1" formatColumns="0"/>
  <mergeCells count="68">
    <mergeCell ref="T37:AJ37"/>
    <mergeCell ref="C33:S33"/>
    <mergeCell ref="T33:U33"/>
    <mergeCell ref="V33:AH33"/>
    <mergeCell ref="AI33:AJ33"/>
    <mergeCell ref="C36:S36"/>
    <mergeCell ref="T36:AH36"/>
    <mergeCell ref="AI36:AJ36"/>
    <mergeCell ref="T35:AJ35"/>
    <mergeCell ref="AI28:AJ28"/>
    <mergeCell ref="C32:S32"/>
    <mergeCell ref="T32:U32"/>
    <mergeCell ref="V32:AH32"/>
    <mergeCell ref="AI32:AJ32"/>
    <mergeCell ref="E23:S23"/>
    <mergeCell ref="E27:S27"/>
    <mergeCell ref="C28:S28"/>
    <mergeCell ref="T28:U28"/>
    <mergeCell ref="V28:AH28"/>
    <mergeCell ref="C24:D27"/>
    <mergeCell ref="E24:S24"/>
    <mergeCell ref="T24:U24"/>
    <mergeCell ref="V24:AH24"/>
    <mergeCell ref="E26:S26"/>
    <mergeCell ref="T26:U26"/>
    <mergeCell ref="V26:AH26"/>
    <mergeCell ref="A2:AL2"/>
    <mergeCell ref="E20:S20"/>
    <mergeCell ref="T20:U20"/>
    <mergeCell ref="V20:AH20"/>
    <mergeCell ref="C19:S19"/>
    <mergeCell ref="T19:AJ19"/>
    <mergeCell ref="AI20:AJ20"/>
    <mergeCell ref="AD11:AE11"/>
    <mergeCell ref="AF11:AJ11"/>
    <mergeCell ref="AH4:AL4"/>
    <mergeCell ref="C40:S40"/>
    <mergeCell ref="T40:AH40"/>
    <mergeCell ref="AI40:AJ40"/>
    <mergeCell ref="C39:AJ39"/>
    <mergeCell ref="AP6:AP7"/>
    <mergeCell ref="AH6:AL6"/>
    <mergeCell ref="B7:N7"/>
    <mergeCell ref="O7:R7"/>
    <mergeCell ref="V7:Z7"/>
    <mergeCell ref="AO6:AO7"/>
    <mergeCell ref="T22:U22"/>
    <mergeCell ref="V22:AH22"/>
    <mergeCell ref="AI22:AJ22"/>
    <mergeCell ref="C22:S22"/>
    <mergeCell ref="E21:S21"/>
    <mergeCell ref="AI27:AJ27"/>
    <mergeCell ref="T21:U21"/>
    <mergeCell ref="V21:AH21"/>
    <mergeCell ref="AI21:AJ21"/>
    <mergeCell ref="C20:D21"/>
    <mergeCell ref="C38:S38"/>
    <mergeCell ref="T38:AH38"/>
    <mergeCell ref="AI38:AJ38"/>
    <mergeCell ref="T27:U27"/>
    <mergeCell ref="V27:AH27"/>
    <mergeCell ref="AI26:AJ26"/>
    <mergeCell ref="E25:S25"/>
    <mergeCell ref="T25:U25"/>
    <mergeCell ref="T23:U23"/>
    <mergeCell ref="AI24:AJ24"/>
    <mergeCell ref="V23:AH23"/>
    <mergeCell ref="AI23:AJ23"/>
  </mergeCells>
  <phoneticPr fontId="46"/>
  <conditionalFormatting sqref="T38:AH38">
    <cfRule type="expression" dxfId="38" priority="4">
      <formula>T38=""</formula>
    </cfRule>
  </conditionalFormatting>
  <conditionalFormatting sqref="V32:AH32">
    <cfRule type="expression" dxfId="37" priority="15" stopIfTrue="1">
      <formula>AND($V$32&gt;0,$V$32&lt;400000)</formula>
    </cfRule>
  </conditionalFormatting>
  <conditionalFormatting sqref="AP20:AP28">
    <cfRule type="notContainsBlanks" dxfId="36" priority="1">
      <formula>LEN(TRIM(AP20))&gt;0</formula>
    </cfRule>
  </conditionalFormatting>
  <conditionalFormatting sqref="AP32:AP33 AP36 AP38 AP40">
    <cfRule type="notContainsBlanks" dxfId="35" priority="6">
      <formula>LEN(TRIM(AP32))&gt;0</formula>
    </cfRule>
  </conditionalFormatting>
  <dataValidations count="1">
    <dataValidation imeMode="disabled" allowBlank="1" showInputMessage="1" showErrorMessage="1" sqref="T36:AH36 V32:AH34 S7 T38:AH38 T40:AH40" xr:uid="{1FBA6D4E-BD48-49C5-8926-1D4C10872A55}"/>
  </dataValidations>
  <printOptions horizontalCentered="1"/>
  <pageMargins left="0.27559055118110237" right="0.27559055118110237" top="0.43307086614173229" bottom="0.19685039370078741" header="0.31496062992125984" footer="0.11811023622047245"/>
  <pageSetup paperSize="9" scale="74" fitToHeight="0"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B0F8D9-02BB-46A1-B691-C6E990A3D1DC}">
  <sheetPr>
    <pageSetUpPr fitToPage="1"/>
  </sheetPr>
  <dimension ref="A1:CW61"/>
  <sheetViews>
    <sheetView showGridLines="0" zoomScale="70" zoomScaleNormal="70" zoomScaleSheetLayoutView="70" workbookViewId="0">
      <selection sqref="A1:CN1"/>
    </sheetView>
  </sheetViews>
  <sheetFormatPr defaultColWidth="1.33203125" defaultRowHeight="18" customHeight="1" x14ac:dyDescent="0.2"/>
  <cols>
    <col min="1" max="4" width="1.44140625" style="63" customWidth="1"/>
    <col min="5" max="6" width="1.44140625" style="62" customWidth="1"/>
    <col min="7" max="8" width="1.44140625" style="32" customWidth="1"/>
    <col min="9" max="92" width="1.44140625" style="63" customWidth="1"/>
    <col min="93" max="93" width="1.44140625" style="63" hidden="1" customWidth="1"/>
    <col min="94" max="94" width="1.44140625" style="63" customWidth="1"/>
    <col min="95" max="95" width="4.77734375" style="158" customWidth="1"/>
    <col min="96" max="96" width="51.77734375" style="321" hidden="1" customWidth="1"/>
    <col min="97" max="97" width="51.77734375" style="63" customWidth="1"/>
    <col min="98" max="100" width="1.33203125" style="63"/>
    <col min="101" max="101" width="2.77734375" style="63" bestFit="1" customWidth="1"/>
    <col min="102" max="16384" width="1.33203125" style="63"/>
  </cols>
  <sheetData>
    <row r="1" spans="1:97" ht="36" customHeight="1" x14ac:dyDescent="0.2">
      <c r="A1" s="1319" t="s">
        <v>1246</v>
      </c>
      <c r="B1" s="1319"/>
      <c r="C1" s="1319"/>
      <c r="D1" s="1319"/>
      <c r="E1" s="1319"/>
      <c r="F1" s="1319"/>
      <c r="G1" s="1319"/>
      <c r="H1" s="1319"/>
      <c r="I1" s="1319"/>
      <c r="J1" s="1319"/>
      <c r="K1" s="1319"/>
      <c r="L1" s="1319"/>
      <c r="M1" s="1319"/>
      <c r="N1" s="1319"/>
      <c r="O1" s="1319"/>
      <c r="P1" s="1319"/>
      <c r="Q1" s="1319"/>
      <c r="R1" s="1319"/>
      <c r="S1" s="1319"/>
      <c r="T1" s="1319"/>
      <c r="U1" s="1319"/>
      <c r="V1" s="1319"/>
      <c r="W1" s="1319"/>
      <c r="X1" s="1319"/>
      <c r="Y1" s="1319"/>
      <c r="Z1" s="1319"/>
      <c r="AA1" s="1319"/>
      <c r="AB1" s="1319"/>
      <c r="AC1" s="1319"/>
      <c r="AD1" s="1319"/>
      <c r="AE1" s="1319"/>
      <c r="AF1" s="1319"/>
      <c r="AG1" s="1319"/>
      <c r="AH1" s="1319"/>
      <c r="AI1" s="1319"/>
      <c r="AJ1" s="1319"/>
      <c r="AK1" s="1319"/>
      <c r="AL1" s="1319"/>
      <c r="AM1" s="1319"/>
      <c r="AN1" s="1319"/>
      <c r="AO1" s="1319"/>
      <c r="AP1" s="1319"/>
      <c r="AQ1" s="1319"/>
      <c r="AR1" s="1319"/>
      <c r="AS1" s="1319"/>
      <c r="AT1" s="1319"/>
      <c r="AU1" s="1319"/>
      <c r="AV1" s="1319"/>
      <c r="AW1" s="1319"/>
      <c r="AX1" s="1319"/>
      <c r="AY1" s="1319"/>
      <c r="AZ1" s="1319"/>
      <c r="BA1" s="1319"/>
      <c r="BB1" s="1319"/>
      <c r="BC1" s="1319"/>
      <c r="BD1" s="1319"/>
      <c r="BE1" s="1319"/>
      <c r="BF1" s="1319"/>
      <c r="BG1" s="1319"/>
      <c r="BH1" s="1319"/>
      <c r="BI1" s="1319"/>
      <c r="BJ1" s="1319"/>
      <c r="BK1" s="1319"/>
      <c r="BL1" s="1319"/>
      <c r="BM1" s="1319"/>
      <c r="BN1" s="1319"/>
      <c r="BO1" s="1319"/>
      <c r="BP1" s="1319"/>
      <c r="BQ1" s="1319"/>
      <c r="BR1" s="1319"/>
      <c r="BS1" s="1319"/>
      <c r="BT1" s="1319"/>
      <c r="BU1" s="1319"/>
      <c r="BV1" s="1319"/>
      <c r="BW1" s="1319"/>
      <c r="BX1" s="1319"/>
      <c r="BY1" s="1319"/>
      <c r="BZ1" s="1319"/>
      <c r="CA1" s="1319"/>
      <c r="CB1" s="1319"/>
      <c r="CC1" s="1319"/>
      <c r="CD1" s="1319"/>
      <c r="CE1" s="1319"/>
      <c r="CF1" s="1319"/>
      <c r="CG1" s="1319"/>
      <c r="CH1" s="1319"/>
      <c r="CI1" s="1319"/>
      <c r="CJ1" s="1319"/>
      <c r="CK1" s="1319"/>
      <c r="CL1" s="1319"/>
      <c r="CM1" s="1319"/>
      <c r="CN1" s="1319"/>
      <c r="CO1" s="310"/>
      <c r="CP1" s="260"/>
    </row>
    <row r="2" spans="1:97" ht="65.400000000000006" customHeight="1" x14ac:dyDescent="0.2">
      <c r="A2" s="507" t="s">
        <v>1222</v>
      </c>
      <c r="B2" s="508"/>
      <c r="C2" s="508"/>
      <c r="D2" s="508"/>
      <c r="E2" s="508"/>
      <c r="F2" s="508"/>
      <c r="G2" s="508"/>
      <c r="H2" s="508"/>
      <c r="I2" s="508"/>
      <c r="J2" s="508"/>
      <c r="K2" s="508"/>
      <c r="L2" s="508"/>
      <c r="M2" s="508"/>
      <c r="N2" s="508"/>
      <c r="O2" s="508"/>
      <c r="P2" s="508"/>
      <c r="Q2" s="508"/>
      <c r="R2" s="508"/>
      <c r="S2" s="508"/>
      <c r="T2" s="508"/>
      <c r="U2" s="508"/>
      <c r="V2" s="508"/>
      <c r="W2" s="508"/>
      <c r="X2" s="508"/>
      <c r="Y2" s="508"/>
      <c r="Z2" s="508"/>
      <c r="AA2" s="508"/>
      <c r="AB2" s="508"/>
      <c r="AC2" s="508"/>
      <c r="AD2" s="508"/>
      <c r="AE2" s="508"/>
      <c r="AF2" s="508"/>
      <c r="AG2" s="508"/>
      <c r="AH2" s="508"/>
      <c r="AI2" s="508"/>
      <c r="AJ2" s="508"/>
      <c r="AK2" s="508"/>
      <c r="AL2" s="508"/>
      <c r="AM2" s="508"/>
      <c r="AN2" s="508"/>
      <c r="AO2" s="508"/>
      <c r="AP2" s="508"/>
      <c r="AQ2" s="508"/>
      <c r="AR2" s="508"/>
      <c r="AS2" s="508"/>
      <c r="AT2" s="508"/>
      <c r="AU2" s="508"/>
      <c r="AV2" s="508"/>
      <c r="AW2" s="508"/>
      <c r="AX2" s="508"/>
      <c r="AY2" s="508"/>
      <c r="AZ2" s="508"/>
      <c r="BA2" s="508"/>
      <c r="BB2" s="508"/>
      <c r="BC2" s="508"/>
      <c r="BD2" s="508"/>
      <c r="BE2" s="508"/>
      <c r="BF2" s="508"/>
      <c r="BG2" s="508"/>
      <c r="BH2" s="508"/>
      <c r="BI2" s="508"/>
      <c r="BJ2" s="508"/>
      <c r="BK2" s="508"/>
      <c r="BL2" s="508"/>
      <c r="BM2" s="508"/>
      <c r="BN2" s="508"/>
      <c r="BO2" s="508"/>
      <c r="BP2" s="508"/>
      <c r="BQ2" s="508"/>
      <c r="BR2" s="508"/>
      <c r="BS2" s="508"/>
      <c r="BT2" s="508"/>
      <c r="BU2" s="508"/>
      <c r="BV2" s="508"/>
      <c r="BW2" s="508"/>
      <c r="BX2" s="508"/>
      <c r="BY2" s="508"/>
      <c r="BZ2" s="508"/>
      <c r="CA2" s="508"/>
      <c r="CB2" s="508"/>
      <c r="CC2" s="508"/>
      <c r="CD2" s="508"/>
      <c r="CE2" s="508"/>
      <c r="CF2" s="508"/>
      <c r="CG2" s="508"/>
      <c r="CH2" s="508"/>
      <c r="CI2" s="508"/>
      <c r="CJ2" s="508"/>
      <c r="CK2" s="508"/>
      <c r="CL2" s="508"/>
      <c r="CM2" s="508"/>
      <c r="CN2" s="508"/>
      <c r="CO2" s="261"/>
      <c r="CP2" s="261"/>
    </row>
    <row r="3" spans="1:97" s="60" customFormat="1" ht="30" customHeight="1" x14ac:dyDescent="0.2">
      <c r="A3" s="509" t="s">
        <v>989</v>
      </c>
      <c r="B3" s="510"/>
      <c r="C3" s="510"/>
      <c r="D3" s="510"/>
      <c r="E3" s="510"/>
      <c r="F3" s="510"/>
      <c r="G3" s="510"/>
      <c r="H3" s="510"/>
      <c r="I3" s="510"/>
      <c r="J3" s="510"/>
      <c r="K3" s="510"/>
      <c r="L3" s="510"/>
      <c r="M3" s="510"/>
      <c r="N3" s="510"/>
      <c r="O3" s="510"/>
      <c r="P3" s="510"/>
      <c r="Q3" s="510"/>
      <c r="R3" s="510"/>
      <c r="S3" s="510"/>
      <c r="T3" s="510"/>
      <c r="U3" s="510"/>
      <c r="V3" s="510"/>
      <c r="W3" s="510"/>
      <c r="X3" s="510"/>
      <c r="Y3" s="510"/>
      <c r="Z3" s="510"/>
      <c r="AA3" s="510"/>
      <c r="AB3" s="510"/>
      <c r="AC3" s="510"/>
      <c r="AD3" s="510"/>
      <c r="AE3" s="510"/>
      <c r="AF3" s="510"/>
      <c r="AG3" s="510"/>
      <c r="AH3" s="510"/>
      <c r="AI3" s="510"/>
      <c r="AJ3" s="510"/>
      <c r="AK3" s="510"/>
      <c r="AL3" s="510"/>
      <c r="AM3" s="510"/>
      <c r="AN3" s="510"/>
      <c r="AO3" s="510"/>
      <c r="AP3" s="510"/>
      <c r="AQ3" s="510"/>
      <c r="AR3" s="510"/>
      <c r="AS3" s="510"/>
      <c r="AT3" s="510"/>
      <c r="AU3" s="510"/>
      <c r="AV3" s="510"/>
      <c r="AW3" s="510"/>
      <c r="AX3" s="510"/>
      <c r="AY3" s="510"/>
      <c r="AZ3" s="510"/>
      <c r="BA3" s="510"/>
      <c r="BB3" s="510"/>
      <c r="BC3" s="510"/>
      <c r="BD3" s="510"/>
      <c r="BE3" s="510"/>
      <c r="BF3" s="510"/>
      <c r="BG3" s="510"/>
      <c r="BH3" s="510"/>
      <c r="BI3" s="510"/>
      <c r="BJ3" s="510"/>
      <c r="BK3" s="510"/>
      <c r="BL3" s="510"/>
      <c r="BM3" s="510"/>
      <c r="BN3" s="510"/>
      <c r="BO3" s="510"/>
      <c r="BP3" s="510"/>
      <c r="BQ3" s="510"/>
      <c r="BR3" s="510"/>
      <c r="BS3" s="510"/>
      <c r="BT3" s="510"/>
      <c r="BU3" s="510"/>
      <c r="BV3" s="510"/>
      <c r="BW3" s="510"/>
      <c r="BX3" s="510"/>
      <c r="BY3" s="510"/>
      <c r="BZ3" s="510"/>
      <c r="CA3" s="510"/>
      <c r="CB3" s="510"/>
      <c r="CC3" s="510"/>
      <c r="CD3" s="510"/>
      <c r="CE3" s="510"/>
      <c r="CF3" s="510"/>
      <c r="CG3" s="510"/>
      <c r="CH3" s="510"/>
      <c r="CI3" s="510"/>
      <c r="CJ3" s="510"/>
      <c r="CK3" s="510"/>
      <c r="CL3" s="510"/>
      <c r="CM3" s="510"/>
      <c r="CN3" s="511"/>
      <c r="CO3" s="198"/>
      <c r="CP3" s="198"/>
      <c r="CQ3" s="159"/>
      <c r="CR3" s="321"/>
    </row>
    <row r="4" spans="1:97" s="60" customFormat="1" ht="8.4" customHeight="1" x14ac:dyDescent="0.2">
      <c r="C4" s="59"/>
      <c r="D4" s="59"/>
      <c r="E4" s="258"/>
      <c r="F4" s="258"/>
      <c r="G4" s="61"/>
      <c r="H4" s="61"/>
      <c r="I4" s="59"/>
      <c r="J4" s="225"/>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c r="AM4" s="59"/>
      <c r="AN4" s="59"/>
      <c r="AO4" s="59"/>
      <c r="AP4" s="59"/>
      <c r="AQ4" s="59"/>
      <c r="AR4" s="59"/>
      <c r="BN4" s="31"/>
      <c r="BO4" s="31"/>
      <c r="BP4" s="31"/>
      <c r="BQ4" s="31"/>
      <c r="BR4" s="31"/>
      <c r="BS4" s="31"/>
      <c r="BT4" s="31"/>
      <c r="BU4" s="31"/>
      <c r="BV4" s="31"/>
      <c r="BW4" s="31"/>
      <c r="BX4" s="31"/>
      <c r="BY4" s="31"/>
      <c r="BZ4" s="31"/>
      <c r="CA4" s="31"/>
      <c r="CB4" s="31"/>
      <c r="CC4" s="31"/>
      <c r="CD4" s="31"/>
      <c r="CE4" s="31"/>
      <c r="CF4" s="31"/>
      <c r="CG4" s="31"/>
      <c r="CH4" s="31"/>
      <c r="CI4" s="31"/>
      <c r="CJ4" s="31"/>
      <c r="CK4" s="31"/>
      <c r="CL4" s="31"/>
      <c r="CO4" s="63"/>
      <c r="CP4" s="63"/>
      <c r="CQ4" s="512" t="s">
        <v>657</v>
      </c>
      <c r="CR4" s="513" t="s">
        <v>153</v>
      </c>
      <c r="CS4" s="472"/>
    </row>
    <row r="5" spans="1:97" s="60" customFormat="1" ht="8.4" customHeight="1" x14ac:dyDescent="0.2">
      <c r="C5" s="59"/>
      <c r="D5" s="59"/>
      <c r="E5" s="258"/>
      <c r="F5" s="258"/>
      <c r="G5" s="61"/>
      <c r="H5" s="61"/>
      <c r="I5" s="59"/>
      <c r="J5" s="225"/>
      <c r="K5" s="59"/>
      <c r="L5" s="59"/>
      <c r="M5" s="59"/>
      <c r="N5" s="59"/>
      <c r="O5" s="59"/>
      <c r="P5" s="59"/>
      <c r="Q5" s="59"/>
      <c r="R5" s="59"/>
      <c r="S5" s="59"/>
      <c r="T5" s="59"/>
      <c r="U5" s="59"/>
      <c r="V5" s="59"/>
      <c r="W5" s="59"/>
      <c r="X5" s="59"/>
      <c r="Y5" s="59"/>
      <c r="Z5" s="59"/>
      <c r="AA5" s="59"/>
      <c r="AB5" s="59"/>
      <c r="AC5" s="59"/>
      <c r="AD5" s="59"/>
      <c r="AE5" s="59"/>
      <c r="AF5" s="59"/>
      <c r="AG5" s="59"/>
      <c r="AH5" s="59"/>
      <c r="AI5" s="59"/>
      <c r="AJ5" s="59"/>
      <c r="AK5" s="59"/>
      <c r="AL5" s="59"/>
      <c r="AM5" s="59"/>
      <c r="AN5" s="59"/>
      <c r="AO5" s="59"/>
      <c r="AP5" s="59"/>
      <c r="AQ5" s="59"/>
      <c r="AR5" s="59"/>
      <c r="BN5" s="31"/>
      <c r="BO5" s="31"/>
      <c r="BP5" s="31"/>
      <c r="BQ5" s="31"/>
      <c r="BR5" s="31"/>
      <c r="BS5" s="31"/>
      <c r="BT5" s="31"/>
      <c r="BU5" s="31"/>
      <c r="BV5" s="31"/>
      <c r="BW5" s="31"/>
      <c r="BX5" s="31"/>
      <c r="BY5" s="31"/>
      <c r="BZ5" s="31"/>
      <c r="CA5" s="31"/>
      <c r="CB5" s="31"/>
      <c r="CC5" s="31"/>
      <c r="CD5" s="31"/>
      <c r="CE5" s="31"/>
      <c r="CF5" s="31"/>
      <c r="CG5" s="31"/>
      <c r="CH5" s="31"/>
      <c r="CI5" s="31"/>
      <c r="CJ5" s="31"/>
      <c r="CK5" s="31"/>
      <c r="CL5" s="31"/>
      <c r="CO5" s="63"/>
      <c r="CP5" s="63"/>
      <c r="CQ5" s="512"/>
      <c r="CR5" s="513"/>
      <c r="CS5" s="472"/>
    </row>
    <row r="6" spans="1:97" s="60" customFormat="1" ht="18" customHeight="1" x14ac:dyDescent="0.2">
      <c r="A6" s="59"/>
      <c r="B6" s="59"/>
      <c r="C6" s="59"/>
      <c r="D6" s="59"/>
      <c r="E6" s="258"/>
      <c r="F6" s="258"/>
      <c r="G6" s="61"/>
      <c r="H6" s="61"/>
      <c r="I6" s="59"/>
      <c r="J6" s="59"/>
      <c r="K6" s="59"/>
      <c r="L6" s="59"/>
      <c r="M6" s="59"/>
      <c r="N6" s="59"/>
      <c r="O6" s="59"/>
      <c r="P6" s="59"/>
      <c r="Q6" s="59"/>
      <c r="R6" s="59"/>
      <c r="S6" s="59"/>
      <c r="T6" s="59"/>
      <c r="U6" s="59"/>
      <c r="V6" s="59"/>
      <c r="W6" s="59"/>
      <c r="X6" s="59"/>
      <c r="Y6" s="59"/>
      <c r="Z6" s="59"/>
      <c r="AA6" s="59"/>
      <c r="AB6" s="59"/>
      <c r="AC6" s="59"/>
      <c r="AD6" s="59"/>
      <c r="AE6" s="59"/>
      <c r="AF6" s="59"/>
      <c r="AG6" s="59"/>
      <c r="AH6" s="59"/>
      <c r="AJ6" s="59"/>
      <c r="AK6" s="59"/>
      <c r="AL6" s="59"/>
      <c r="AM6" s="59"/>
      <c r="AN6" s="59"/>
      <c r="AO6" s="59"/>
      <c r="AP6" s="59"/>
      <c r="AQ6" s="59"/>
      <c r="AR6" s="59"/>
      <c r="BJ6" s="1320"/>
      <c r="BK6" s="1320"/>
      <c r="BL6" s="1320"/>
      <c r="BM6" s="1320"/>
      <c r="BN6" s="1320"/>
      <c r="BO6" s="1320"/>
      <c r="BP6" s="1320"/>
      <c r="BQ6" s="1320"/>
      <c r="BR6" s="1320"/>
      <c r="BS6" s="1320"/>
      <c r="BT6" s="485"/>
      <c r="BU6" s="485"/>
      <c r="BV6" s="485"/>
      <c r="BW6" s="485"/>
      <c r="BX6" s="485"/>
      <c r="BY6" s="480" t="s">
        <v>6</v>
      </c>
      <c r="BZ6" s="480"/>
      <c r="CA6" s="485"/>
      <c r="CB6" s="485"/>
      <c r="CC6" s="485"/>
      <c r="CD6" s="485"/>
      <c r="CE6" s="485"/>
      <c r="CF6" s="480" t="s">
        <v>5</v>
      </c>
      <c r="CG6" s="480"/>
      <c r="CH6" s="485"/>
      <c r="CI6" s="485"/>
      <c r="CJ6" s="485"/>
      <c r="CK6" s="485"/>
      <c r="CL6" s="485"/>
      <c r="CM6" s="480" t="s">
        <v>4</v>
      </c>
      <c r="CN6" s="480"/>
      <c r="CO6" s="251"/>
      <c r="CP6" s="251"/>
      <c r="CQ6" s="262">
        <v>1</v>
      </c>
      <c r="CR6" s="307"/>
      <c r="CS6" s="2"/>
    </row>
    <row r="7" spans="1:97" s="19" customFormat="1" ht="18" customHeight="1" x14ac:dyDescent="0.2">
      <c r="A7" s="498" t="s">
        <v>15</v>
      </c>
      <c r="B7" s="498"/>
      <c r="C7" s="498"/>
      <c r="D7" s="498"/>
      <c r="E7" s="498"/>
      <c r="F7" s="498"/>
      <c r="G7" s="498"/>
      <c r="H7" s="498"/>
      <c r="I7" s="498"/>
      <c r="J7" s="498"/>
      <c r="K7" s="498"/>
      <c r="L7" s="498"/>
      <c r="M7" s="498"/>
      <c r="N7" s="498"/>
      <c r="O7" s="498"/>
      <c r="P7" s="498"/>
      <c r="Q7" s="498"/>
      <c r="R7" s="498"/>
      <c r="S7" s="498"/>
      <c r="T7" s="498"/>
      <c r="U7" s="498"/>
      <c r="V7" s="498"/>
      <c r="W7" s="498"/>
      <c r="X7" s="498"/>
      <c r="Y7" s="498"/>
      <c r="Z7" s="498"/>
      <c r="AA7" s="498"/>
      <c r="AB7" s="311"/>
      <c r="AC7" s="311"/>
      <c r="AD7" s="311"/>
      <c r="AE7" s="311"/>
      <c r="AF7" s="311"/>
      <c r="AG7" s="311"/>
      <c r="AH7" s="311"/>
      <c r="AJ7" s="311"/>
      <c r="AK7" s="311"/>
      <c r="AL7" s="311"/>
      <c r="AM7" s="311"/>
      <c r="AN7" s="311"/>
      <c r="AO7" s="311"/>
      <c r="AP7" s="311"/>
      <c r="AQ7" s="311"/>
      <c r="AR7" s="311"/>
      <c r="BJ7" s="312"/>
      <c r="BK7" s="481" t="str">
        <f>IF(OR(BT6="",CA6=""),"",IF(DATE(BT6,CA6,CH6)&lt;=EOMONTH(DATE(BT6,CA6,1), 0),"","日付をご確認ください↑"))</f>
        <v/>
      </c>
      <c r="BL7" s="481"/>
      <c r="BM7" s="481"/>
      <c r="BN7" s="481"/>
      <c r="BO7" s="481"/>
      <c r="BP7" s="481"/>
      <c r="BQ7" s="481"/>
      <c r="BR7" s="481"/>
      <c r="BS7" s="481"/>
      <c r="BT7" s="481"/>
      <c r="BU7" s="481"/>
      <c r="BV7" s="481"/>
      <c r="BW7" s="481"/>
      <c r="BX7" s="481"/>
      <c r="BY7" s="481"/>
      <c r="BZ7" s="481"/>
      <c r="CA7" s="481"/>
      <c r="CB7" s="481"/>
      <c r="CC7" s="481"/>
      <c r="CD7" s="481"/>
      <c r="CE7" s="481"/>
      <c r="CF7" s="481"/>
      <c r="CG7" s="481"/>
      <c r="CH7" s="481"/>
      <c r="CI7" s="481"/>
      <c r="CJ7" s="481"/>
      <c r="CK7" s="313"/>
      <c r="CL7" s="313"/>
      <c r="CM7" s="312"/>
      <c r="CN7" s="312"/>
      <c r="CO7" s="96"/>
      <c r="CP7" s="96"/>
      <c r="CQ7" s="314"/>
      <c r="CR7" s="315"/>
    </row>
    <row r="8" spans="1:97" s="19" customFormat="1" ht="18" customHeight="1" x14ac:dyDescent="0.2">
      <c r="A8" s="482" t="s">
        <v>145</v>
      </c>
      <c r="B8" s="482"/>
      <c r="C8" s="482"/>
      <c r="D8" s="482"/>
      <c r="E8" s="482"/>
      <c r="F8" s="482"/>
      <c r="G8" s="482"/>
      <c r="H8" s="482"/>
      <c r="I8" s="482"/>
      <c r="J8" s="482"/>
      <c r="K8" s="482"/>
      <c r="L8" s="482"/>
      <c r="M8" s="482"/>
      <c r="N8" s="482"/>
      <c r="O8" s="482"/>
      <c r="P8" s="482"/>
      <c r="Q8" s="482"/>
      <c r="R8" s="482"/>
      <c r="S8" s="482"/>
      <c r="T8" s="482"/>
      <c r="U8" s="482"/>
      <c r="V8" s="482"/>
      <c r="W8" s="482"/>
      <c r="X8" s="482"/>
      <c r="Y8" s="482"/>
      <c r="Z8" s="482"/>
      <c r="AA8" s="482"/>
      <c r="AB8" s="311"/>
      <c r="AC8" s="311"/>
      <c r="AD8" s="311"/>
      <c r="AE8" s="311"/>
      <c r="AF8" s="311"/>
      <c r="AG8" s="311"/>
      <c r="AH8" s="311"/>
      <c r="AJ8" s="311"/>
      <c r="AK8" s="311"/>
      <c r="AL8" s="311"/>
      <c r="AM8" s="311"/>
      <c r="AN8" s="311"/>
      <c r="AO8" s="311"/>
      <c r="AP8" s="311"/>
      <c r="AQ8" s="311"/>
      <c r="AR8" s="311"/>
      <c r="BJ8" s="312"/>
      <c r="BK8" s="312"/>
      <c r="BL8" s="312"/>
      <c r="BM8" s="312"/>
      <c r="BN8" s="312"/>
      <c r="BO8" s="312"/>
      <c r="BP8" s="312"/>
      <c r="BQ8" s="312"/>
      <c r="BR8" s="312"/>
      <c r="BS8" s="312"/>
      <c r="BT8" s="313"/>
      <c r="BU8" s="313"/>
      <c r="BV8" s="313"/>
      <c r="BW8" s="313"/>
      <c r="BX8" s="313"/>
      <c r="BY8" s="312"/>
      <c r="BZ8" s="312"/>
      <c r="CA8" s="313"/>
      <c r="CB8" s="313"/>
      <c r="CC8" s="313"/>
      <c r="CD8" s="313"/>
      <c r="CE8" s="313"/>
      <c r="CF8" s="312"/>
      <c r="CG8" s="312"/>
      <c r="CH8" s="313"/>
      <c r="CI8" s="313"/>
      <c r="CJ8" s="313"/>
      <c r="CK8" s="313"/>
      <c r="CL8" s="313"/>
      <c r="CM8" s="312"/>
      <c r="CN8" s="312"/>
      <c r="CO8" s="96"/>
      <c r="CP8" s="96"/>
      <c r="CQ8" s="314"/>
      <c r="CR8" s="315"/>
    </row>
    <row r="9" spans="1:97" s="60" customFormat="1" ht="18" customHeight="1" x14ac:dyDescent="0.2">
      <c r="A9" s="59"/>
      <c r="B9" s="59"/>
      <c r="C9" s="59"/>
      <c r="D9" s="59"/>
      <c r="E9" s="258"/>
      <c r="F9" s="258"/>
      <c r="G9" s="61"/>
      <c r="H9" s="61"/>
      <c r="I9" s="59"/>
      <c r="J9" s="59"/>
      <c r="K9" s="59"/>
      <c r="L9" s="59"/>
      <c r="M9" s="59"/>
      <c r="N9" s="59"/>
      <c r="O9" s="59"/>
      <c r="P9" s="59"/>
      <c r="Q9" s="59"/>
      <c r="R9" s="59"/>
      <c r="S9" s="59"/>
      <c r="T9" s="59"/>
      <c r="U9" s="59"/>
      <c r="V9" s="59"/>
      <c r="W9" s="59"/>
      <c r="X9" s="59"/>
      <c r="Y9" s="59"/>
      <c r="Z9" s="59"/>
      <c r="AA9" s="59"/>
      <c r="AB9" s="59"/>
      <c r="AC9" s="59"/>
      <c r="AD9" s="59"/>
      <c r="AE9" s="59"/>
      <c r="AF9" s="59"/>
      <c r="AG9" s="59"/>
      <c r="AH9" s="59"/>
      <c r="AJ9" s="59"/>
      <c r="AK9" s="59"/>
      <c r="AL9" s="59"/>
      <c r="AM9" s="59"/>
      <c r="AN9" s="59"/>
      <c r="AO9" s="59"/>
      <c r="AP9" s="59"/>
      <c r="AQ9" s="59"/>
      <c r="AR9" s="59"/>
      <c r="BJ9" s="258"/>
      <c r="BK9" s="258"/>
      <c r="BL9" s="258"/>
      <c r="BM9" s="258"/>
      <c r="BN9" s="258"/>
      <c r="BO9" s="258"/>
      <c r="BP9" s="258"/>
      <c r="BQ9" s="258"/>
      <c r="BR9" s="258"/>
      <c r="BS9" s="258"/>
      <c r="BT9" s="355"/>
      <c r="BU9" s="355"/>
      <c r="BV9" s="355"/>
      <c r="BW9" s="355"/>
      <c r="BX9" s="355"/>
      <c r="BY9" s="258"/>
      <c r="BZ9" s="258"/>
      <c r="CA9" s="355"/>
      <c r="CB9" s="355"/>
      <c r="CC9" s="355"/>
      <c r="CD9" s="355"/>
      <c r="CE9" s="355"/>
      <c r="CF9" s="258"/>
      <c r="CG9" s="258"/>
      <c r="CH9" s="355"/>
      <c r="CI9" s="355"/>
      <c r="CJ9" s="355"/>
      <c r="CK9" s="355"/>
      <c r="CL9" s="355"/>
      <c r="CM9" s="258"/>
      <c r="CN9" s="258"/>
      <c r="CO9" s="251"/>
      <c r="CP9" s="251"/>
      <c r="CQ9" s="159"/>
      <c r="CR9" s="321"/>
    </row>
    <row r="10" spans="1:97" s="19" customFormat="1" ht="18" customHeight="1" x14ac:dyDescent="0.2">
      <c r="A10" s="483" t="s">
        <v>1247</v>
      </c>
      <c r="B10" s="483"/>
      <c r="C10" s="483"/>
      <c r="D10" s="483"/>
      <c r="E10" s="483"/>
      <c r="F10" s="483"/>
      <c r="G10" s="483"/>
      <c r="H10" s="483"/>
      <c r="I10" s="483"/>
      <c r="J10" s="483"/>
      <c r="K10" s="483"/>
      <c r="L10" s="483"/>
      <c r="M10" s="483"/>
      <c r="N10" s="483"/>
      <c r="O10" s="483"/>
      <c r="P10" s="483"/>
      <c r="Q10" s="483"/>
      <c r="R10" s="483"/>
      <c r="S10" s="483"/>
      <c r="T10" s="483"/>
      <c r="U10" s="483"/>
      <c r="V10" s="483"/>
      <c r="W10" s="483"/>
      <c r="X10" s="483"/>
      <c r="Y10" s="483"/>
      <c r="Z10" s="483"/>
      <c r="AA10" s="483"/>
      <c r="AB10" s="483"/>
      <c r="AC10" s="483"/>
      <c r="AD10" s="483"/>
      <c r="AE10" s="483"/>
      <c r="AF10" s="483"/>
      <c r="AG10" s="483"/>
      <c r="AH10" s="483"/>
      <c r="AI10" s="483"/>
      <c r="AJ10" s="483"/>
      <c r="AK10" s="483"/>
      <c r="AL10" s="483"/>
      <c r="AM10" s="483"/>
      <c r="AN10" s="483"/>
      <c r="AO10" s="483"/>
      <c r="AP10" s="483"/>
      <c r="AQ10" s="483"/>
      <c r="AR10" s="483"/>
      <c r="AS10" s="483"/>
      <c r="AT10" s="483"/>
      <c r="AU10" s="483"/>
      <c r="AV10" s="483"/>
      <c r="AW10" s="483"/>
      <c r="AX10" s="483"/>
      <c r="AY10" s="483"/>
      <c r="AZ10" s="483"/>
      <c r="BA10" s="483"/>
      <c r="BB10" s="483"/>
      <c r="BC10" s="483"/>
      <c r="BD10" s="483"/>
      <c r="BE10" s="483"/>
      <c r="BF10" s="483"/>
      <c r="BG10" s="483"/>
      <c r="BH10" s="483"/>
      <c r="BI10" s="483"/>
      <c r="BJ10" s="483"/>
      <c r="BK10" s="483"/>
      <c r="BL10" s="483"/>
      <c r="BM10" s="483"/>
      <c r="BN10" s="483"/>
      <c r="BO10" s="483"/>
      <c r="BP10" s="483"/>
      <c r="BQ10" s="483"/>
      <c r="BR10" s="483"/>
      <c r="BS10" s="483"/>
      <c r="BT10" s="483"/>
      <c r="BU10" s="483"/>
      <c r="BV10" s="483"/>
      <c r="BW10" s="483"/>
      <c r="BX10" s="483"/>
      <c r="BY10" s="483"/>
      <c r="BZ10" s="483"/>
      <c r="CA10" s="483"/>
      <c r="CB10" s="483"/>
      <c r="CC10" s="483"/>
      <c r="CD10" s="483"/>
      <c r="CE10" s="483"/>
      <c r="CF10" s="483"/>
      <c r="CG10" s="483"/>
      <c r="CH10" s="483"/>
      <c r="CI10" s="483"/>
      <c r="CJ10" s="483"/>
      <c r="CK10" s="483"/>
      <c r="CL10" s="483"/>
      <c r="CM10" s="483"/>
      <c r="CN10" s="483"/>
      <c r="CO10" s="318"/>
      <c r="CP10" s="318"/>
      <c r="CQ10" s="314"/>
      <c r="CR10" s="315"/>
    </row>
    <row r="11" spans="1:97" s="19" customFormat="1" ht="18" customHeight="1" x14ac:dyDescent="0.2">
      <c r="A11" s="483"/>
      <c r="B11" s="483"/>
      <c r="C11" s="483"/>
      <c r="D11" s="483"/>
      <c r="E11" s="483"/>
      <c r="F11" s="483"/>
      <c r="G11" s="483"/>
      <c r="H11" s="483"/>
      <c r="I11" s="483"/>
      <c r="J11" s="483"/>
      <c r="K11" s="483"/>
      <c r="L11" s="483"/>
      <c r="M11" s="483"/>
      <c r="N11" s="483"/>
      <c r="O11" s="483"/>
      <c r="P11" s="483"/>
      <c r="Q11" s="483"/>
      <c r="R11" s="483"/>
      <c r="S11" s="483"/>
      <c r="T11" s="483"/>
      <c r="U11" s="483"/>
      <c r="V11" s="483"/>
      <c r="W11" s="483"/>
      <c r="X11" s="483"/>
      <c r="Y11" s="483"/>
      <c r="Z11" s="483"/>
      <c r="AA11" s="483"/>
      <c r="AB11" s="483"/>
      <c r="AC11" s="483"/>
      <c r="AD11" s="483"/>
      <c r="AE11" s="483"/>
      <c r="AF11" s="483"/>
      <c r="AG11" s="483"/>
      <c r="AH11" s="483"/>
      <c r="AI11" s="483"/>
      <c r="AJ11" s="483"/>
      <c r="AK11" s="483"/>
      <c r="AL11" s="483"/>
      <c r="AM11" s="483"/>
      <c r="AN11" s="483"/>
      <c r="AO11" s="483"/>
      <c r="AP11" s="483"/>
      <c r="AQ11" s="483"/>
      <c r="AR11" s="483"/>
      <c r="AS11" s="483"/>
      <c r="AT11" s="483"/>
      <c r="AU11" s="483"/>
      <c r="AV11" s="483"/>
      <c r="AW11" s="483"/>
      <c r="AX11" s="483"/>
      <c r="AY11" s="483"/>
      <c r="AZ11" s="483"/>
      <c r="BA11" s="483"/>
      <c r="BB11" s="483"/>
      <c r="BC11" s="483"/>
      <c r="BD11" s="483"/>
      <c r="BE11" s="483"/>
      <c r="BF11" s="483"/>
      <c r="BG11" s="483"/>
      <c r="BH11" s="483"/>
      <c r="BI11" s="483"/>
      <c r="BJ11" s="483"/>
      <c r="BK11" s="483"/>
      <c r="BL11" s="483"/>
      <c r="BM11" s="483"/>
      <c r="BN11" s="483"/>
      <c r="BO11" s="483"/>
      <c r="BP11" s="483"/>
      <c r="BQ11" s="483"/>
      <c r="BR11" s="483"/>
      <c r="BS11" s="483"/>
      <c r="BT11" s="483"/>
      <c r="BU11" s="483"/>
      <c r="BV11" s="483"/>
      <c r="BW11" s="483"/>
      <c r="BX11" s="483"/>
      <c r="BY11" s="483"/>
      <c r="BZ11" s="483"/>
      <c r="CA11" s="483"/>
      <c r="CB11" s="483"/>
      <c r="CC11" s="483"/>
      <c r="CD11" s="483"/>
      <c r="CE11" s="483"/>
      <c r="CF11" s="483"/>
      <c r="CG11" s="483"/>
      <c r="CH11" s="483"/>
      <c r="CI11" s="483"/>
      <c r="CJ11" s="483"/>
      <c r="CK11" s="483"/>
      <c r="CL11" s="483"/>
      <c r="CM11" s="483"/>
      <c r="CN11" s="483"/>
      <c r="CO11" s="318"/>
      <c r="CP11" s="318"/>
      <c r="CQ11" s="314"/>
      <c r="CR11" s="315"/>
    </row>
    <row r="12" spans="1:97" s="19" customFormat="1" ht="18" customHeight="1" x14ac:dyDescent="0.2">
      <c r="A12" s="483"/>
      <c r="B12" s="483"/>
      <c r="C12" s="483"/>
      <c r="D12" s="483"/>
      <c r="E12" s="483"/>
      <c r="F12" s="483"/>
      <c r="G12" s="483"/>
      <c r="H12" s="483"/>
      <c r="I12" s="483"/>
      <c r="J12" s="483"/>
      <c r="K12" s="483"/>
      <c r="L12" s="483"/>
      <c r="M12" s="483"/>
      <c r="N12" s="483"/>
      <c r="O12" s="483"/>
      <c r="P12" s="483"/>
      <c r="Q12" s="483"/>
      <c r="R12" s="483"/>
      <c r="S12" s="483"/>
      <c r="T12" s="483"/>
      <c r="U12" s="483"/>
      <c r="V12" s="483"/>
      <c r="W12" s="483"/>
      <c r="X12" s="483"/>
      <c r="Y12" s="483"/>
      <c r="Z12" s="483"/>
      <c r="AA12" s="483"/>
      <c r="AB12" s="483"/>
      <c r="AC12" s="483"/>
      <c r="AD12" s="483"/>
      <c r="AE12" s="483"/>
      <c r="AF12" s="483"/>
      <c r="AG12" s="483"/>
      <c r="AH12" s="483"/>
      <c r="AI12" s="483"/>
      <c r="AJ12" s="483"/>
      <c r="AK12" s="483"/>
      <c r="AL12" s="483"/>
      <c r="AM12" s="483"/>
      <c r="AN12" s="483"/>
      <c r="AO12" s="483"/>
      <c r="AP12" s="483"/>
      <c r="AQ12" s="483"/>
      <c r="AR12" s="483"/>
      <c r="AS12" s="483"/>
      <c r="AT12" s="483"/>
      <c r="AU12" s="483"/>
      <c r="AV12" s="483"/>
      <c r="AW12" s="483"/>
      <c r="AX12" s="483"/>
      <c r="AY12" s="483"/>
      <c r="AZ12" s="483"/>
      <c r="BA12" s="483"/>
      <c r="BB12" s="483"/>
      <c r="BC12" s="483"/>
      <c r="BD12" s="483"/>
      <c r="BE12" s="483"/>
      <c r="BF12" s="483"/>
      <c r="BG12" s="483"/>
      <c r="BH12" s="483"/>
      <c r="BI12" s="483"/>
      <c r="BJ12" s="483"/>
      <c r="BK12" s="483"/>
      <c r="BL12" s="483"/>
      <c r="BM12" s="483"/>
      <c r="BN12" s="483"/>
      <c r="BO12" s="483"/>
      <c r="BP12" s="483"/>
      <c r="BQ12" s="483"/>
      <c r="BR12" s="483"/>
      <c r="BS12" s="483"/>
      <c r="BT12" s="483"/>
      <c r="BU12" s="483"/>
      <c r="BV12" s="483"/>
      <c r="BW12" s="483"/>
      <c r="BX12" s="483"/>
      <c r="BY12" s="483"/>
      <c r="BZ12" s="483"/>
      <c r="CA12" s="483"/>
      <c r="CB12" s="483"/>
      <c r="CC12" s="483"/>
      <c r="CD12" s="483"/>
      <c r="CE12" s="483"/>
      <c r="CF12" s="483"/>
      <c r="CG12" s="483"/>
      <c r="CH12" s="483"/>
      <c r="CI12" s="483"/>
      <c r="CJ12" s="483"/>
      <c r="CK12" s="483"/>
      <c r="CL12" s="483"/>
      <c r="CM12" s="483"/>
      <c r="CN12" s="483"/>
      <c r="CO12" s="318"/>
      <c r="CP12" s="318"/>
      <c r="CQ12" s="314"/>
      <c r="CR12" s="315"/>
    </row>
    <row r="13" spans="1:97" s="60" customFormat="1" ht="18" customHeight="1" x14ac:dyDescent="0.2">
      <c r="A13" s="1321" t="s">
        <v>146</v>
      </c>
      <c r="B13" s="1321"/>
      <c r="C13" s="1321"/>
      <c r="D13" s="1321"/>
      <c r="E13" s="1321"/>
      <c r="F13" s="1321"/>
      <c r="G13" s="1321"/>
      <c r="H13" s="1321"/>
      <c r="I13" s="1321"/>
      <c r="J13" s="1321"/>
      <c r="K13" s="1321"/>
      <c r="L13" s="1321"/>
      <c r="M13" s="1321"/>
      <c r="N13" s="1321"/>
      <c r="O13" s="1321"/>
      <c r="P13" s="1321"/>
      <c r="Q13" s="1321"/>
      <c r="R13" s="1321"/>
      <c r="S13" s="1321"/>
      <c r="T13" s="1321"/>
      <c r="U13" s="1321"/>
      <c r="V13" s="1321"/>
      <c r="W13" s="1321"/>
      <c r="X13" s="1321"/>
      <c r="Y13" s="1321"/>
      <c r="Z13" s="1321"/>
      <c r="AA13" s="1321"/>
      <c r="AB13" s="1321"/>
      <c r="AC13" s="1321"/>
      <c r="AD13" s="1321"/>
      <c r="AE13" s="1321"/>
      <c r="AF13" s="1321"/>
      <c r="AG13" s="1321"/>
      <c r="AH13" s="1321"/>
      <c r="AI13" s="1321"/>
      <c r="AJ13" s="1321"/>
      <c r="AK13" s="1321"/>
      <c r="AL13" s="1321"/>
      <c r="AM13" s="1321"/>
      <c r="AN13" s="1321"/>
      <c r="AO13" s="1321"/>
      <c r="AP13" s="1321"/>
      <c r="AQ13" s="1321"/>
      <c r="AR13" s="1321"/>
      <c r="AS13" s="1321"/>
      <c r="AT13" s="1321"/>
      <c r="AU13" s="1321"/>
      <c r="AV13" s="1321"/>
      <c r="AW13" s="1321"/>
      <c r="AX13" s="1321"/>
      <c r="AY13" s="1321"/>
      <c r="AZ13" s="1321"/>
      <c r="BA13" s="1321"/>
      <c r="BB13" s="1321"/>
      <c r="BC13" s="1321"/>
      <c r="BD13" s="1321"/>
      <c r="BE13" s="1321"/>
      <c r="BF13" s="1321"/>
      <c r="BG13" s="1321"/>
      <c r="BH13" s="1321"/>
      <c r="BI13" s="1321"/>
      <c r="BJ13" s="1321"/>
      <c r="BK13" s="1321"/>
      <c r="BL13" s="1321"/>
      <c r="BM13" s="1321"/>
      <c r="BN13" s="1321"/>
      <c r="BO13" s="1321"/>
      <c r="BP13" s="1321"/>
      <c r="BQ13" s="1321"/>
      <c r="BR13" s="1321"/>
      <c r="BS13" s="1321"/>
      <c r="BT13" s="1321"/>
      <c r="BU13" s="1321"/>
      <c r="BV13" s="1321"/>
      <c r="BW13" s="1321"/>
      <c r="BX13" s="1321"/>
      <c r="BY13" s="1321"/>
      <c r="BZ13" s="1321"/>
      <c r="CA13" s="1321"/>
      <c r="CB13" s="1321"/>
      <c r="CC13" s="1321"/>
      <c r="CD13" s="1321"/>
      <c r="CE13" s="1321"/>
      <c r="CF13" s="1321"/>
      <c r="CG13" s="1321"/>
      <c r="CH13" s="1321"/>
      <c r="CI13" s="1321"/>
      <c r="CJ13" s="1321"/>
      <c r="CK13" s="1321"/>
      <c r="CL13" s="1321"/>
      <c r="CM13" s="1321"/>
      <c r="CN13" s="1321"/>
      <c r="CO13" s="228"/>
      <c r="CP13" s="228"/>
      <c r="CQ13" s="159"/>
      <c r="CR13" s="321"/>
    </row>
    <row r="14" spans="1:97" s="60" customFormat="1" ht="18" customHeight="1" x14ac:dyDescent="0.2">
      <c r="A14" s="226"/>
      <c r="B14" s="226"/>
      <c r="C14" s="226"/>
      <c r="D14" s="226"/>
      <c r="E14" s="226"/>
      <c r="F14" s="226"/>
      <c r="G14" s="226"/>
      <c r="H14" s="226"/>
      <c r="I14" s="226"/>
      <c r="J14" s="226"/>
      <c r="K14" s="226"/>
      <c r="L14" s="226"/>
      <c r="M14" s="226"/>
      <c r="N14" s="226"/>
      <c r="O14" s="226"/>
      <c r="P14" s="226"/>
      <c r="Q14" s="226"/>
      <c r="R14" s="226"/>
      <c r="S14" s="226"/>
      <c r="T14" s="226"/>
      <c r="U14" s="226"/>
      <c r="V14" s="226"/>
      <c r="W14" s="226"/>
      <c r="X14" s="226"/>
      <c r="Y14" s="226"/>
      <c r="Z14" s="226"/>
      <c r="AA14" s="226"/>
      <c r="AB14" s="226"/>
      <c r="AC14" s="226"/>
      <c r="AD14" s="226"/>
      <c r="AE14" s="226"/>
      <c r="AF14" s="226"/>
      <c r="AG14" s="226"/>
      <c r="AH14" s="226"/>
      <c r="AI14" s="226"/>
      <c r="AJ14" s="226"/>
      <c r="AK14" s="226"/>
      <c r="AL14" s="226"/>
      <c r="AM14" s="226"/>
      <c r="AN14" s="226"/>
      <c r="AO14" s="226"/>
      <c r="AP14" s="226"/>
      <c r="AQ14" s="226"/>
      <c r="AR14" s="226"/>
      <c r="AS14" s="226"/>
      <c r="AT14" s="226"/>
      <c r="AU14" s="226"/>
      <c r="AV14" s="226"/>
      <c r="AW14" s="226"/>
      <c r="AX14" s="226"/>
      <c r="AY14" s="226"/>
      <c r="AZ14" s="226"/>
      <c r="BA14" s="226"/>
      <c r="BB14" s="226"/>
      <c r="BC14" s="226"/>
      <c r="BD14" s="226"/>
      <c r="BE14" s="226"/>
      <c r="BF14" s="226"/>
      <c r="BG14" s="226"/>
      <c r="BH14" s="226"/>
      <c r="BI14" s="226"/>
      <c r="BJ14" s="226"/>
      <c r="BK14" s="226"/>
      <c r="BL14" s="226"/>
      <c r="BM14" s="226"/>
      <c r="BN14" s="226"/>
      <c r="BO14" s="226"/>
      <c r="BP14" s="226"/>
      <c r="BQ14" s="226"/>
      <c r="BR14" s="226"/>
      <c r="BS14" s="226"/>
      <c r="BT14" s="226"/>
      <c r="BU14" s="226"/>
      <c r="BV14" s="226"/>
      <c r="BW14" s="226"/>
      <c r="BX14" s="226"/>
      <c r="BY14" s="226"/>
      <c r="BZ14" s="226"/>
      <c r="CA14" s="226"/>
      <c r="CB14" s="226"/>
      <c r="CC14" s="226"/>
      <c r="CD14" s="226"/>
      <c r="CE14" s="226"/>
      <c r="CF14" s="226"/>
      <c r="CG14" s="226"/>
      <c r="CH14" s="226"/>
      <c r="CI14" s="226"/>
      <c r="CJ14" s="226"/>
      <c r="CK14" s="226"/>
      <c r="CL14" s="226"/>
      <c r="CM14" s="226"/>
      <c r="CN14" s="226"/>
      <c r="CO14" s="227"/>
      <c r="CP14" s="227"/>
      <c r="CQ14" s="159"/>
      <c r="CR14" s="321"/>
    </row>
    <row r="15" spans="1:97" ht="16.5" customHeight="1" thickBot="1" x14ac:dyDescent="0.25">
      <c r="A15" s="370" t="s">
        <v>950</v>
      </c>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255"/>
      <c r="CP15" s="255"/>
      <c r="CQ15" s="160" t="s">
        <v>657</v>
      </c>
      <c r="CR15" s="308" t="s">
        <v>654</v>
      </c>
      <c r="CS15" s="26"/>
    </row>
    <row r="16" spans="1:97" ht="38.4" customHeight="1" x14ac:dyDescent="0.2">
      <c r="A16" s="1322" t="s">
        <v>1180</v>
      </c>
      <c r="B16" s="1323"/>
      <c r="C16" s="1323"/>
      <c r="D16" s="1323"/>
      <c r="E16" s="1323"/>
      <c r="F16" s="1323"/>
      <c r="G16" s="1323"/>
      <c r="H16" s="1323"/>
      <c r="I16" s="1323"/>
      <c r="J16" s="1323"/>
      <c r="K16" s="1323"/>
      <c r="L16" s="1324" t="str">
        <f>IF(実績報告書!L19=0,"",実績報告書!L19)</f>
        <v/>
      </c>
      <c r="M16" s="1324"/>
      <c r="N16" s="1324"/>
      <c r="O16" s="1324"/>
      <c r="P16" s="1324"/>
      <c r="Q16" s="1324"/>
      <c r="R16" s="1324"/>
      <c r="S16" s="1324"/>
      <c r="T16" s="1324"/>
      <c r="U16" s="1324"/>
      <c r="V16" s="1324"/>
      <c r="W16" s="1324"/>
      <c r="X16" s="1324"/>
      <c r="Y16" s="1324"/>
      <c r="Z16" s="1324"/>
      <c r="AA16" s="1324"/>
      <c r="AB16" s="1324"/>
      <c r="AC16" s="1324"/>
      <c r="AD16" s="1324"/>
      <c r="AE16" s="1324"/>
      <c r="AF16" s="1324"/>
      <c r="AG16" s="1324"/>
      <c r="AH16" s="1324"/>
      <c r="AI16" s="1324"/>
      <c r="AJ16" s="1324"/>
      <c r="AK16" s="1324"/>
      <c r="AL16" s="1324"/>
      <c r="AM16" s="1324"/>
      <c r="AN16" s="1324"/>
      <c r="AO16" s="1324"/>
      <c r="AP16" s="1324"/>
      <c r="AQ16" s="1324"/>
      <c r="AR16" s="1324"/>
      <c r="AS16" s="1324"/>
      <c r="AT16" s="1324"/>
      <c r="AU16" s="1324"/>
      <c r="AV16" s="1324"/>
      <c r="AW16" s="1324"/>
      <c r="AX16" s="1324"/>
      <c r="AY16" s="1324"/>
      <c r="AZ16" s="1324"/>
      <c r="BA16" s="1324"/>
      <c r="BB16" s="1324"/>
      <c r="BC16" s="1324"/>
      <c r="BD16" s="1324"/>
      <c r="BE16" s="1325"/>
      <c r="BF16" s="385"/>
      <c r="BG16" s="385"/>
      <c r="BH16" s="385"/>
      <c r="BI16" s="385"/>
      <c r="BJ16" s="385"/>
      <c r="BK16" s="385"/>
      <c r="BL16" s="385"/>
      <c r="BM16" s="385"/>
      <c r="BN16" s="385"/>
      <c r="BO16" s="385"/>
      <c r="BP16" s="385"/>
      <c r="BQ16" s="385"/>
      <c r="BR16" s="385"/>
      <c r="BS16" s="385"/>
      <c r="BT16" s="385"/>
      <c r="BU16" s="385"/>
      <c r="BV16" s="385"/>
      <c r="BW16" s="385"/>
      <c r="BX16" s="385"/>
      <c r="BY16" s="385"/>
      <c r="BZ16" s="385"/>
      <c r="CA16" s="385"/>
      <c r="CB16" s="385"/>
      <c r="CC16" s="385"/>
      <c r="CD16" s="385"/>
      <c r="CE16" s="385"/>
      <c r="CF16" s="385"/>
      <c r="CG16" s="385"/>
      <c r="CH16" s="385"/>
      <c r="CI16" s="385"/>
      <c r="CJ16" s="385"/>
      <c r="CK16" s="385"/>
      <c r="CL16" s="385"/>
      <c r="CM16" s="385"/>
      <c r="CN16" s="385"/>
      <c r="CO16" s="229"/>
      <c r="CP16" s="229"/>
      <c r="CQ16" s="160">
        <v>2</v>
      </c>
      <c r="CR16" s="309"/>
      <c r="CS16" s="230"/>
    </row>
    <row r="17" spans="1:101" ht="38.4" customHeight="1" x14ac:dyDescent="0.2">
      <c r="A17" s="1326" t="s">
        <v>988</v>
      </c>
      <c r="B17" s="1327"/>
      <c r="C17" s="1327"/>
      <c r="D17" s="1327"/>
      <c r="E17" s="1327"/>
      <c r="F17" s="1327"/>
      <c r="G17" s="1327"/>
      <c r="H17" s="1327"/>
      <c r="I17" s="1327"/>
      <c r="J17" s="1327"/>
      <c r="K17" s="1327"/>
      <c r="L17" s="1328" t="str">
        <f>IF(実績報告書!L20=0,"",実績報告書!L20)</f>
        <v/>
      </c>
      <c r="M17" s="1329"/>
      <c r="N17" s="1329"/>
      <c r="O17" s="1329"/>
      <c r="P17" s="1329"/>
      <c r="Q17" s="1329"/>
      <c r="R17" s="1329"/>
      <c r="S17" s="1329"/>
      <c r="T17" s="1329"/>
      <c r="U17" s="1329"/>
      <c r="V17" s="1329"/>
      <c r="W17" s="1329"/>
      <c r="X17" s="1329"/>
      <c r="Y17" s="1329"/>
      <c r="Z17" s="1329"/>
      <c r="AA17" s="1329"/>
      <c r="AB17" s="1329"/>
      <c r="AC17" s="1329"/>
      <c r="AD17" s="1329"/>
      <c r="AE17" s="1329"/>
      <c r="AF17" s="1329"/>
      <c r="AG17" s="1329"/>
      <c r="AH17" s="1329"/>
      <c r="AI17" s="1329"/>
      <c r="AJ17" s="1329"/>
      <c r="AK17" s="1329"/>
      <c r="AL17" s="1329"/>
      <c r="AM17" s="1329"/>
      <c r="AN17" s="1329"/>
      <c r="AO17" s="1329"/>
      <c r="AP17" s="1329"/>
      <c r="AQ17" s="1329"/>
      <c r="AR17" s="1329"/>
      <c r="AS17" s="1329"/>
      <c r="AT17" s="1329"/>
      <c r="AU17" s="1329"/>
      <c r="AV17" s="1329"/>
      <c r="AW17" s="1329"/>
      <c r="AX17" s="1329"/>
      <c r="AY17" s="1329"/>
      <c r="AZ17" s="1329"/>
      <c r="BA17" s="1329"/>
      <c r="BB17" s="1329"/>
      <c r="BC17" s="1329"/>
      <c r="BD17" s="1329"/>
      <c r="BE17" s="1330"/>
      <c r="BF17" s="288"/>
      <c r="BG17" s="288"/>
      <c r="BH17" s="288"/>
      <c r="BI17" s="288"/>
      <c r="BJ17" s="288"/>
      <c r="BK17" s="288"/>
      <c r="BL17" s="288"/>
      <c r="BM17" s="288"/>
      <c r="BN17" s="288"/>
      <c r="BO17" s="288"/>
      <c r="BP17" s="288"/>
      <c r="BQ17" s="288"/>
      <c r="BR17" s="288"/>
      <c r="BS17" s="288"/>
      <c r="BT17" s="288"/>
      <c r="BU17" s="288"/>
      <c r="BV17" s="288"/>
      <c r="BW17" s="288"/>
      <c r="BX17" s="288"/>
      <c r="BY17" s="288"/>
      <c r="BZ17" s="288"/>
      <c r="CA17" s="288"/>
      <c r="CB17" s="288"/>
      <c r="CC17" s="288"/>
      <c r="CD17" s="288"/>
      <c r="CE17" s="288"/>
      <c r="CF17" s="288"/>
      <c r="CG17" s="288"/>
      <c r="CH17" s="288"/>
      <c r="CI17" s="288"/>
      <c r="CJ17" s="288"/>
      <c r="CK17" s="288"/>
      <c r="CL17" s="288"/>
      <c r="CM17" s="288"/>
      <c r="CN17" s="288"/>
      <c r="CO17" s="229"/>
      <c r="CP17" s="229"/>
      <c r="CQ17" s="160">
        <v>3</v>
      </c>
      <c r="CR17" s="309"/>
      <c r="CS17" s="230"/>
    </row>
    <row r="18" spans="1:101" ht="21" customHeight="1" x14ac:dyDescent="0.2">
      <c r="A18" s="514" t="s">
        <v>140</v>
      </c>
      <c r="B18" s="515"/>
      <c r="C18" s="515"/>
      <c r="D18" s="515"/>
      <c r="E18" s="515"/>
      <c r="F18" s="515"/>
      <c r="G18" s="515"/>
      <c r="H18" s="515"/>
      <c r="I18" s="515"/>
      <c r="J18" s="515"/>
      <c r="K18" s="515"/>
      <c r="L18" s="1331" t="str">
        <f>IF(実績報告書!L21=0,"",実績報告書!L21)</f>
        <v/>
      </c>
      <c r="M18" s="1332"/>
      <c r="N18" s="1332"/>
      <c r="O18" s="1332"/>
      <c r="P18" s="1332"/>
      <c r="Q18" s="1332"/>
      <c r="R18" s="1332"/>
      <c r="S18" s="1332"/>
      <c r="T18" s="1332"/>
      <c r="U18" s="1332"/>
      <c r="V18" s="1332"/>
      <c r="W18" s="1332"/>
      <c r="X18" s="1332"/>
      <c r="Y18" s="1332"/>
      <c r="Z18" s="1332"/>
      <c r="AA18" s="1332"/>
      <c r="AB18" s="1332"/>
      <c r="AC18" s="1332"/>
      <c r="AD18" s="1332"/>
      <c r="AE18" s="1332"/>
      <c r="AF18" s="1332"/>
      <c r="AG18" s="1333"/>
      <c r="AH18" s="1337" t="str">
        <f>IF(実績報告書!AH21=0,"",実績報告書!AH21)</f>
        <v/>
      </c>
      <c r="AI18" s="1338"/>
      <c r="AJ18" s="1338"/>
      <c r="AK18" s="1338"/>
      <c r="AL18" s="1338"/>
      <c r="AM18" s="1338"/>
      <c r="AN18" s="1338"/>
      <c r="AO18" s="1338"/>
      <c r="AP18" s="1338"/>
      <c r="AQ18" s="1338"/>
      <c r="AR18" s="1338"/>
      <c r="AS18" s="1338"/>
      <c r="AT18" s="1338"/>
      <c r="AU18" s="1338"/>
      <c r="AV18" s="1338"/>
      <c r="AW18" s="1338"/>
      <c r="AX18" s="1338"/>
      <c r="AY18" s="1338"/>
      <c r="AZ18" s="1338"/>
      <c r="BA18" s="1338"/>
      <c r="BB18" s="1338"/>
      <c r="BC18" s="1338"/>
      <c r="BD18" s="1338"/>
      <c r="BE18" s="1339"/>
      <c r="BF18" s="279"/>
      <c r="BG18" s="280"/>
      <c r="BH18" s="280"/>
      <c r="BI18" s="280"/>
      <c r="BJ18" s="280"/>
      <c r="BK18" s="280"/>
      <c r="BL18" s="280"/>
      <c r="BM18" s="280"/>
      <c r="BN18" s="280"/>
      <c r="BO18" s="280"/>
      <c r="BP18" s="280"/>
      <c r="BQ18" s="280"/>
      <c r="BR18" s="280"/>
      <c r="BS18" s="280"/>
      <c r="BT18" s="280"/>
      <c r="BU18" s="280"/>
      <c r="BV18" s="280"/>
      <c r="BW18" s="280"/>
      <c r="BX18" s="280"/>
      <c r="BY18" s="280"/>
      <c r="BZ18" s="280"/>
      <c r="CA18" s="280"/>
      <c r="CB18" s="280"/>
      <c r="CC18" s="280"/>
      <c r="CD18" s="280"/>
      <c r="CE18" s="280"/>
      <c r="CF18" s="280"/>
      <c r="CG18" s="280"/>
      <c r="CH18" s="280"/>
      <c r="CI18" s="280"/>
      <c r="CJ18" s="280"/>
      <c r="CK18" s="280"/>
      <c r="CL18" s="280"/>
      <c r="CM18" s="280"/>
      <c r="CN18" s="280"/>
      <c r="CO18" s="231"/>
      <c r="CP18" s="231"/>
      <c r="CQ18" s="160">
        <v>4</v>
      </c>
      <c r="CR18" s="307"/>
      <c r="CS18" s="2"/>
    </row>
    <row r="19" spans="1:101" s="60" customFormat="1" ht="44.4" customHeight="1" thickBot="1" x14ac:dyDescent="0.25">
      <c r="A19" s="522" t="s">
        <v>951</v>
      </c>
      <c r="B19" s="523"/>
      <c r="C19" s="523"/>
      <c r="D19" s="523"/>
      <c r="E19" s="523"/>
      <c r="F19" s="523"/>
      <c r="G19" s="523"/>
      <c r="H19" s="523"/>
      <c r="I19" s="523"/>
      <c r="J19" s="523"/>
      <c r="K19" s="523"/>
      <c r="L19" s="1340" t="str">
        <f>IF(実績報告書!L22=0,"",実績報告書!L22)</f>
        <v/>
      </c>
      <c r="M19" s="1341"/>
      <c r="N19" s="1341"/>
      <c r="O19" s="1341"/>
      <c r="P19" s="1341"/>
      <c r="Q19" s="1341"/>
      <c r="R19" s="1341"/>
      <c r="S19" s="1341"/>
      <c r="T19" s="1341"/>
      <c r="U19" s="1341"/>
      <c r="V19" s="1341"/>
      <c r="W19" s="1341"/>
      <c r="X19" s="1341"/>
      <c r="Y19" s="1341"/>
      <c r="Z19" s="1341"/>
      <c r="AA19" s="1341"/>
      <c r="AB19" s="1341"/>
      <c r="AC19" s="1341"/>
      <c r="AD19" s="1341"/>
      <c r="AE19" s="1341"/>
      <c r="AF19" s="1341"/>
      <c r="AG19" s="1342"/>
      <c r="AH19" s="1343" t="str">
        <f>IF(実績報告書!AH22=0,"",実績報告書!AH22)</f>
        <v/>
      </c>
      <c r="AI19" s="1341"/>
      <c r="AJ19" s="1341"/>
      <c r="AK19" s="1341"/>
      <c r="AL19" s="1341"/>
      <c r="AM19" s="1341"/>
      <c r="AN19" s="1341"/>
      <c r="AO19" s="1341"/>
      <c r="AP19" s="1341"/>
      <c r="AQ19" s="1341"/>
      <c r="AR19" s="1341"/>
      <c r="AS19" s="1341"/>
      <c r="AT19" s="1341"/>
      <c r="AU19" s="1341"/>
      <c r="AV19" s="1341"/>
      <c r="AW19" s="1341"/>
      <c r="AX19" s="1341"/>
      <c r="AY19" s="1341"/>
      <c r="AZ19" s="1341"/>
      <c r="BA19" s="1341"/>
      <c r="BB19" s="1341"/>
      <c r="BC19" s="1341"/>
      <c r="BD19" s="1341"/>
      <c r="BE19" s="1341"/>
      <c r="BF19" s="281"/>
      <c r="BG19" s="282"/>
      <c r="BH19" s="282"/>
      <c r="BI19" s="282"/>
      <c r="BJ19" s="282"/>
      <c r="BK19" s="282"/>
      <c r="BL19" s="282"/>
      <c r="BM19" s="282"/>
      <c r="BN19" s="282"/>
      <c r="BO19" s="282"/>
      <c r="BP19" s="282"/>
      <c r="BQ19" s="282"/>
      <c r="BR19" s="282"/>
      <c r="BS19" s="282"/>
      <c r="BT19" s="282"/>
      <c r="BU19" s="282"/>
      <c r="BV19" s="282"/>
      <c r="BW19" s="282"/>
      <c r="BX19" s="282"/>
      <c r="BY19" s="282"/>
      <c r="BZ19" s="282"/>
      <c r="CA19" s="282"/>
      <c r="CB19" s="282"/>
      <c r="CC19" s="282"/>
      <c r="CD19" s="282"/>
      <c r="CE19" s="282"/>
      <c r="CF19" s="282"/>
      <c r="CG19" s="282"/>
      <c r="CH19" s="282"/>
      <c r="CI19" s="282"/>
      <c r="CJ19" s="282"/>
      <c r="CK19" s="282"/>
      <c r="CL19" s="282"/>
      <c r="CM19" s="282"/>
      <c r="CN19" s="282"/>
      <c r="CO19" s="231"/>
      <c r="CP19" s="231"/>
      <c r="CQ19" s="160">
        <v>5</v>
      </c>
      <c r="CR19" s="307"/>
      <c r="CS19" s="2"/>
    </row>
    <row r="20" spans="1:101" ht="22.5" customHeight="1" x14ac:dyDescent="0.2">
      <c r="A20" s="528" t="s">
        <v>16</v>
      </c>
      <c r="B20" s="453"/>
      <c r="C20" s="453"/>
      <c r="D20" s="453"/>
      <c r="E20" s="453"/>
      <c r="F20" s="453"/>
      <c r="G20" s="453"/>
      <c r="H20" s="453"/>
      <c r="I20" s="453"/>
      <c r="J20" s="453"/>
      <c r="K20" s="454"/>
      <c r="L20" s="427" t="s">
        <v>17</v>
      </c>
      <c r="M20" s="428"/>
      <c r="N20" s="428"/>
      <c r="O20" s="1345" t="str">
        <f>IF(実績報告書!O23=0,"",実績報告書!O23)</f>
        <v/>
      </c>
      <c r="P20" s="1345"/>
      <c r="Q20" s="1345"/>
      <c r="R20" s="1345"/>
      <c r="S20" s="1346" t="s">
        <v>154</v>
      </c>
      <c r="T20" s="1346"/>
      <c r="U20" s="1345" t="str">
        <f>IF(実績報告書!U23=0,"",実績報告書!U23)</f>
        <v/>
      </c>
      <c r="V20" s="1345"/>
      <c r="W20" s="1345"/>
      <c r="X20" s="1345"/>
      <c r="Y20" s="1345"/>
      <c r="Z20" s="1345"/>
      <c r="AA20" s="283"/>
      <c r="AB20" s="283"/>
      <c r="AC20" s="283"/>
      <c r="AD20" s="283"/>
      <c r="AE20" s="283"/>
      <c r="AF20" s="283"/>
      <c r="AG20" s="283"/>
      <c r="AH20" s="283"/>
      <c r="AI20" s="283"/>
      <c r="AJ20" s="283"/>
      <c r="AK20" s="283"/>
      <c r="AL20" s="278"/>
      <c r="AM20" s="278"/>
      <c r="AN20" s="278"/>
      <c r="AO20" s="278"/>
      <c r="AP20" s="278"/>
      <c r="AQ20" s="278"/>
      <c r="AR20" s="278"/>
      <c r="AS20" s="278"/>
      <c r="AT20" s="285"/>
      <c r="AU20" s="285"/>
      <c r="AV20" s="285"/>
      <c r="AW20" s="285"/>
      <c r="AX20" s="285"/>
      <c r="AY20" s="285"/>
      <c r="AZ20" s="285"/>
      <c r="BA20" s="285"/>
      <c r="BB20" s="285"/>
      <c r="BC20" s="285"/>
      <c r="BD20" s="285"/>
      <c r="BE20" s="285"/>
      <c r="BF20" s="285"/>
      <c r="BG20" s="285"/>
      <c r="BH20" s="285"/>
      <c r="BI20" s="285"/>
      <c r="BJ20" s="285"/>
      <c r="BK20" s="285"/>
      <c r="BL20" s="285"/>
      <c r="BM20" s="285"/>
      <c r="BN20" s="285"/>
      <c r="BO20" s="285"/>
      <c r="BP20" s="285"/>
      <c r="BQ20" s="285"/>
      <c r="BR20" s="285"/>
      <c r="BS20" s="285"/>
      <c r="BT20" s="285"/>
      <c r="BU20" s="285"/>
      <c r="BV20" s="285"/>
      <c r="BW20" s="285"/>
      <c r="BX20" s="285"/>
      <c r="BY20" s="285"/>
      <c r="BZ20" s="285"/>
      <c r="CA20" s="285"/>
      <c r="CB20" s="285"/>
      <c r="CC20" s="285"/>
      <c r="CD20" s="285"/>
      <c r="CE20" s="285"/>
      <c r="CF20" s="285"/>
      <c r="CG20" s="280"/>
      <c r="CH20" s="280"/>
      <c r="CI20" s="280"/>
      <c r="CJ20" s="280"/>
      <c r="CK20" s="280"/>
      <c r="CL20" s="280"/>
      <c r="CM20" s="280"/>
      <c r="CN20" s="286"/>
      <c r="CO20" s="143"/>
      <c r="CP20" s="143"/>
      <c r="CQ20" s="160">
        <v>6</v>
      </c>
      <c r="CR20" s="307"/>
      <c r="CS20" s="2"/>
    </row>
    <row r="21" spans="1:101" ht="39" customHeight="1" x14ac:dyDescent="0.2">
      <c r="A21" s="529"/>
      <c r="B21" s="456"/>
      <c r="C21" s="456"/>
      <c r="D21" s="456"/>
      <c r="E21" s="456"/>
      <c r="F21" s="456"/>
      <c r="G21" s="456"/>
      <c r="H21" s="456"/>
      <c r="I21" s="456"/>
      <c r="J21" s="456"/>
      <c r="K21" s="457"/>
      <c r="L21" s="1347" t="str">
        <f>IF(実績報告書!L24=0,"",実績報告書!L24)</f>
        <v/>
      </c>
      <c r="M21" s="1335"/>
      <c r="N21" s="1335"/>
      <c r="O21" s="1335"/>
      <c r="P21" s="1335"/>
      <c r="Q21" s="1335"/>
      <c r="R21" s="1335"/>
      <c r="S21" s="1335"/>
      <c r="T21" s="1335"/>
      <c r="U21" s="1335"/>
      <c r="V21" s="1335"/>
      <c r="W21" s="1335"/>
      <c r="X21" s="1335"/>
      <c r="Y21" s="1335"/>
      <c r="Z21" s="1335"/>
      <c r="AA21" s="1335"/>
      <c r="AB21" s="1336"/>
      <c r="AC21" s="1334" t="str">
        <f>IF(実績報告書!AC24=0,"",実績報告書!AC24)</f>
        <v/>
      </c>
      <c r="AD21" s="1335"/>
      <c r="AE21" s="1335"/>
      <c r="AF21" s="1335"/>
      <c r="AG21" s="1335"/>
      <c r="AH21" s="1335"/>
      <c r="AI21" s="1335"/>
      <c r="AJ21" s="1335"/>
      <c r="AK21" s="1335"/>
      <c r="AL21" s="1335"/>
      <c r="AM21" s="1335"/>
      <c r="AN21" s="1335"/>
      <c r="AO21" s="1335"/>
      <c r="AP21" s="1335"/>
      <c r="AQ21" s="1335"/>
      <c r="AR21" s="1335"/>
      <c r="AS21" s="1335"/>
      <c r="AT21" s="1335"/>
      <c r="AU21" s="1335"/>
      <c r="AV21" s="1335"/>
      <c r="AW21" s="1335"/>
      <c r="AX21" s="1335"/>
      <c r="AY21" s="1335"/>
      <c r="AZ21" s="1335"/>
      <c r="BA21" s="1335"/>
      <c r="BB21" s="1335"/>
      <c r="BC21" s="1335"/>
      <c r="BD21" s="1336"/>
      <c r="BE21" s="1334" t="str">
        <f>IF(実績報告書!BE24=0,"",実績報告書!BE24)</f>
        <v/>
      </c>
      <c r="BF21" s="1335"/>
      <c r="BG21" s="1335"/>
      <c r="BH21" s="1335"/>
      <c r="BI21" s="1335"/>
      <c r="BJ21" s="1335"/>
      <c r="BK21" s="1335"/>
      <c r="BL21" s="1335"/>
      <c r="BM21" s="1335"/>
      <c r="BN21" s="1335"/>
      <c r="BO21" s="1335"/>
      <c r="BP21" s="1335"/>
      <c r="BQ21" s="1335"/>
      <c r="BR21" s="1335"/>
      <c r="BS21" s="1335"/>
      <c r="BT21" s="1335"/>
      <c r="BU21" s="1335"/>
      <c r="BV21" s="1335"/>
      <c r="BW21" s="1335"/>
      <c r="BX21" s="1335"/>
      <c r="BY21" s="1335"/>
      <c r="BZ21" s="1335"/>
      <c r="CA21" s="1335"/>
      <c r="CB21" s="1335"/>
      <c r="CC21" s="1335"/>
      <c r="CD21" s="1335"/>
      <c r="CE21" s="1335"/>
      <c r="CF21" s="1335"/>
      <c r="CG21" s="1335"/>
      <c r="CH21" s="1335"/>
      <c r="CI21" s="1335"/>
      <c r="CJ21" s="1335"/>
      <c r="CK21" s="1335"/>
      <c r="CL21" s="1335"/>
      <c r="CM21" s="1335"/>
      <c r="CN21" s="1344"/>
      <c r="CO21" s="257"/>
      <c r="CP21" s="257"/>
      <c r="CQ21" s="160">
        <v>7</v>
      </c>
      <c r="CR21" s="307"/>
      <c r="CS21" s="2"/>
    </row>
    <row r="22" spans="1:101" ht="39" customHeight="1" thickBot="1" x14ac:dyDescent="0.25">
      <c r="A22" s="1348" t="s">
        <v>143</v>
      </c>
      <c r="B22" s="1349"/>
      <c r="C22" s="1349"/>
      <c r="D22" s="1349"/>
      <c r="E22" s="1349"/>
      <c r="F22" s="1349"/>
      <c r="G22" s="1349"/>
      <c r="H22" s="1349"/>
      <c r="I22" s="1349"/>
      <c r="J22" s="1349"/>
      <c r="K22" s="1350"/>
      <c r="L22" s="1351" t="str">
        <f>IF(実績報告書!L25=0,"",実績報告書!L25)</f>
        <v/>
      </c>
      <c r="M22" s="1352"/>
      <c r="N22" s="1352"/>
      <c r="O22" s="1352"/>
      <c r="P22" s="1352"/>
      <c r="Q22" s="1352"/>
      <c r="R22" s="1352"/>
      <c r="S22" s="1352"/>
      <c r="T22" s="1352"/>
      <c r="U22" s="1352"/>
      <c r="V22" s="1352"/>
      <c r="W22" s="1352"/>
      <c r="X22" s="1352"/>
      <c r="Y22" s="1352"/>
      <c r="Z22" s="1352"/>
      <c r="AA22" s="1352"/>
      <c r="AB22" s="1352"/>
      <c r="AC22" s="1352"/>
      <c r="AD22" s="1352"/>
      <c r="AE22" s="1352"/>
      <c r="AF22" s="1352"/>
      <c r="AG22" s="1352"/>
      <c r="AH22" s="1352"/>
      <c r="AI22" s="1352"/>
      <c r="AJ22" s="1352"/>
      <c r="AK22" s="1352"/>
      <c r="AL22" s="1352"/>
      <c r="AM22" s="1352"/>
      <c r="AN22" s="1352"/>
      <c r="AO22" s="1352"/>
      <c r="AP22" s="1352"/>
      <c r="AQ22" s="1352"/>
      <c r="AR22" s="1352"/>
      <c r="AS22" s="1352"/>
      <c r="AT22" s="1352"/>
      <c r="AU22" s="1352"/>
      <c r="AV22" s="1352"/>
      <c r="AW22" s="1352"/>
      <c r="AX22" s="1352"/>
      <c r="AY22" s="1352"/>
      <c r="AZ22" s="1352"/>
      <c r="BA22" s="1352"/>
      <c r="BB22" s="1352"/>
      <c r="BC22" s="1352"/>
      <c r="BD22" s="1352"/>
      <c r="BE22" s="1352"/>
      <c r="BF22" s="1352"/>
      <c r="BG22" s="1352"/>
      <c r="BH22" s="1352"/>
      <c r="BI22" s="1352"/>
      <c r="BJ22" s="1352"/>
      <c r="BK22" s="1352"/>
      <c r="BL22" s="1352"/>
      <c r="BM22" s="1352"/>
      <c r="BN22" s="1352"/>
      <c r="BO22" s="1352"/>
      <c r="BP22" s="1352"/>
      <c r="BQ22" s="1352"/>
      <c r="BR22" s="1352"/>
      <c r="BS22" s="1352"/>
      <c r="BT22" s="1352"/>
      <c r="BU22" s="1352"/>
      <c r="BV22" s="1352"/>
      <c r="BW22" s="1352"/>
      <c r="BX22" s="1352"/>
      <c r="BY22" s="1352"/>
      <c r="BZ22" s="1352"/>
      <c r="CA22" s="1352"/>
      <c r="CB22" s="1352"/>
      <c r="CC22" s="1352"/>
      <c r="CD22" s="1352"/>
      <c r="CE22" s="1352"/>
      <c r="CF22" s="1352"/>
      <c r="CG22" s="1352"/>
      <c r="CH22" s="1352"/>
      <c r="CI22" s="1352"/>
      <c r="CJ22" s="1352"/>
      <c r="CK22" s="1352"/>
      <c r="CL22" s="1352"/>
      <c r="CM22" s="1352"/>
      <c r="CN22" s="1353"/>
      <c r="CO22" s="257"/>
      <c r="CP22" s="257"/>
      <c r="CQ22" s="160">
        <v>8</v>
      </c>
      <c r="CR22" s="307"/>
      <c r="CS22" s="2"/>
      <c r="CW22" s="131"/>
    </row>
    <row r="23" spans="1:101" s="60" customFormat="1" ht="28.2" customHeight="1" x14ac:dyDescent="0.2">
      <c r="A23" s="226"/>
      <c r="B23" s="226"/>
      <c r="C23" s="226"/>
      <c r="D23" s="226"/>
      <c r="E23" s="226"/>
      <c r="F23" s="226"/>
      <c r="G23" s="226"/>
      <c r="H23" s="226"/>
      <c r="I23" s="226"/>
      <c r="J23" s="226"/>
      <c r="K23" s="226"/>
      <c r="L23" s="226"/>
      <c r="M23" s="226"/>
      <c r="N23" s="226"/>
      <c r="O23" s="226"/>
      <c r="P23" s="226"/>
      <c r="T23" s="259"/>
      <c r="AD23" s="259"/>
      <c r="AE23" s="259"/>
      <c r="AF23" s="259"/>
      <c r="AG23" s="259"/>
      <c r="AH23" s="259"/>
      <c r="AI23" s="259"/>
      <c r="AJ23" s="259"/>
      <c r="AK23" s="259"/>
      <c r="AL23" s="259"/>
      <c r="AM23" s="259"/>
      <c r="AN23" s="259"/>
      <c r="AO23" s="259"/>
      <c r="AP23" s="259"/>
      <c r="AQ23" s="259"/>
      <c r="AR23" s="259"/>
      <c r="CO23" s="63"/>
      <c r="CP23" s="63"/>
      <c r="CQ23" s="159"/>
      <c r="CR23" s="321"/>
      <c r="CS23" s="2"/>
    </row>
    <row r="24" spans="1:101" ht="16.5" customHeight="1" thickBot="1" x14ac:dyDescent="0.25">
      <c r="A24" s="370" t="s">
        <v>987</v>
      </c>
      <c r="B24" s="370"/>
      <c r="C24" s="370"/>
      <c r="D24" s="370"/>
      <c r="E24" s="370"/>
      <c r="F24" s="370"/>
      <c r="G24" s="370"/>
      <c r="H24" s="370"/>
      <c r="I24" s="370"/>
      <c r="J24" s="370"/>
      <c r="K24" s="370"/>
      <c r="L24" s="370"/>
      <c r="M24" s="370"/>
      <c r="N24" s="370"/>
      <c r="O24" s="370"/>
      <c r="P24" s="370"/>
      <c r="Q24" s="370"/>
      <c r="R24" s="370"/>
      <c r="S24" s="370"/>
      <c r="T24" s="370"/>
      <c r="U24" s="370"/>
      <c r="V24" s="370"/>
      <c r="W24" s="370"/>
      <c r="X24" s="370"/>
      <c r="Y24" s="370"/>
      <c r="Z24" s="370"/>
      <c r="AA24" s="370"/>
      <c r="AB24" s="370"/>
      <c r="AC24" s="370"/>
      <c r="AD24" s="370"/>
      <c r="AE24" s="370"/>
      <c r="AF24" s="370"/>
      <c r="AG24" s="370"/>
      <c r="AH24" s="370"/>
      <c r="AI24" s="370"/>
      <c r="AJ24" s="370"/>
      <c r="AK24" s="370"/>
      <c r="AL24" s="370"/>
      <c r="AM24" s="370"/>
      <c r="AN24" s="370"/>
      <c r="AO24" s="370"/>
      <c r="AP24" s="370"/>
      <c r="AQ24" s="370"/>
      <c r="AR24" s="370"/>
      <c r="AS24" s="370"/>
      <c r="AT24" s="370"/>
      <c r="AU24" s="370"/>
      <c r="AV24" s="370"/>
      <c r="AW24" s="370"/>
      <c r="AX24" s="370"/>
      <c r="AY24" s="370"/>
      <c r="AZ24" s="370"/>
      <c r="BA24" s="370"/>
      <c r="BB24" s="370"/>
      <c r="BC24" s="370"/>
      <c r="BD24" s="370"/>
      <c r="BE24" s="370"/>
      <c r="BF24" s="370"/>
      <c r="BG24" s="370"/>
      <c r="BH24" s="370"/>
      <c r="BI24" s="370"/>
      <c r="BJ24" s="370"/>
      <c r="BK24" s="370"/>
      <c r="BL24" s="370"/>
      <c r="BM24" s="370"/>
      <c r="BN24" s="370"/>
      <c r="BO24" s="370"/>
      <c r="BP24" s="370"/>
      <c r="BQ24" s="370"/>
      <c r="BR24" s="370"/>
      <c r="BS24" s="370"/>
      <c r="BT24" s="370"/>
      <c r="BU24" s="370"/>
      <c r="BV24" s="370"/>
      <c r="BW24" s="370"/>
      <c r="BX24" s="370"/>
      <c r="BY24" s="370"/>
      <c r="BZ24" s="370"/>
      <c r="CA24" s="370"/>
      <c r="CB24" s="370"/>
      <c r="CC24" s="370"/>
      <c r="CD24" s="370"/>
      <c r="CE24" s="370"/>
      <c r="CF24" s="370"/>
      <c r="CG24" s="370"/>
      <c r="CH24" s="370"/>
      <c r="CI24" s="370"/>
      <c r="CJ24" s="370"/>
      <c r="CK24" s="370"/>
      <c r="CL24" s="370"/>
      <c r="CM24" s="370"/>
      <c r="CN24" s="370"/>
      <c r="CO24" s="255"/>
      <c r="CP24" s="255"/>
      <c r="CQ24" s="160" t="s">
        <v>657</v>
      </c>
      <c r="CR24" s="308" t="s">
        <v>654</v>
      </c>
      <c r="CS24" s="26"/>
    </row>
    <row r="25" spans="1:101" ht="38.4" customHeight="1" thickBot="1" x14ac:dyDescent="0.25">
      <c r="A25" s="300" t="s">
        <v>1229</v>
      </c>
      <c r="B25" s="301"/>
      <c r="C25" s="301"/>
      <c r="D25" s="301"/>
      <c r="E25" s="301"/>
      <c r="F25" s="301"/>
      <c r="G25" s="301"/>
      <c r="H25" s="301"/>
      <c r="I25" s="301"/>
      <c r="J25" s="301"/>
      <c r="K25" s="301"/>
      <c r="L25" s="301"/>
      <c r="M25" s="301"/>
      <c r="N25" s="301"/>
      <c r="O25" s="301"/>
      <c r="P25" s="301"/>
      <c r="Q25" s="301"/>
      <c r="R25" s="301"/>
      <c r="S25" s="302"/>
      <c r="T25" s="302"/>
      <c r="U25" s="302"/>
      <c r="V25" s="302"/>
      <c r="W25" s="1354" t="str">
        <f>IF(実績報告書!Q46=0,"",実績報告書!Q46)</f>
        <v/>
      </c>
      <c r="X25" s="1354"/>
      <c r="Y25" s="1354"/>
      <c r="Z25" s="1354"/>
      <c r="AA25" s="1354"/>
      <c r="AB25" s="1354"/>
      <c r="AC25" s="1354"/>
      <c r="AD25" s="1354"/>
      <c r="AE25" s="1354"/>
      <c r="AF25" s="1354"/>
      <c r="AG25" s="1354"/>
      <c r="AH25" s="302" t="s">
        <v>970</v>
      </c>
      <c r="AI25" s="302"/>
      <c r="AJ25" s="302"/>
      <c r="AK25" s="302"/>
      <c r="AL25" s="302"/>
      <c r="AM25" s="303"/>
      <c r="AN25" s="299"/>
      <c r="AO25" s="299"/>
      <c r="AP25" s="299"/>
      <c r="AQ25" s="299"/>
      <c r="AR25" s="293"/>
      <c r="AS25" s="293"/>
      <c r="AT25" s="293"/>
      <c r="AU25" s="293"/>
      <c r="AV25" s="293"/>
      <c r="AW25" s="293"/>
      <c r="AX25" s="293"/>
      <c r="AY25" s="293"/>
      <c r="AZ25" s="293"/>
      <c r="BA25" s="293"/>
      <c r="BB25" s="293"/>
      <c r="BC25" s="293"/>
      <c r="BD25" s="293"/>
      <c r="BE25" s="293"/>
      <c r="BF25" s="293"/>
      <c r="BG25" s="293"/>
      <c r="BH25" s="293"/>
      <c r="BI25" s="293"/>
      <c r="BJ25" s="293"/>
      <c r="BK25" s="293"/>
      <c r="BL25" s="293"/>
      <c r="BM25" s="293"/>
      <c r="BN25" s="293"/>
      <c r="BO25" s="293"/>
      <c r="BP25" s="293"/>
      <c r="BQ25" s="293"/>
      <c r="BR25" s="293"/>
      <c r="BS25" s="293"/>
      <c r="BT25" s="293"/>
      <c r="BU25" s="293"/>
      <c r="BV25" s="293"/>
      <c r="BW25" s="293"/>
      <c r="BX25" s="293"/>
      <c r="BY25" s="293"/>
      <c r="BZ25" s="293"/>
      <c r="CA25" s="293"/>
      <c r="CB25" s="293"/>
      <c r="CC25" s="293"/>
      <c r="CD25" s="293"/>
      <c r="CE25" s="293"/>
      <c r="CF25" s="293"/>
      <c r="CG25" s="293"/>
      <c r="CH25" s="293"/>
      <c r="CI25" s="293"/>
      <c r="CJ25" s="293"/>
      <c r="CK25" s="293"/>
      <c r="CL25" s="293"/>
      <c r="CM25" s="293"/>
      <c r="CN25" s="293"/>
      <c r="CQ25" s="160">
        <v>9</v>
      </c>
      <c r="CR25" s="307"/>
    </row>
    <row r="26" spans="1:101" s="60" customFormat="1" ht="28.2" customHeight="1" x14ac:dyDescent="0.2">
      <c r="A26" s="259"/>
      <c r="B26" s="259"/>
      <c r="C26" s="259"/>
      <c r="D26" s="259"/>
      <c r="E26" s="259"/>
      <c r="F26" s="259"/>
      <c r="G26" s="259"/>
      <c r="H26" s="259"/>
      <c r="I26" s="259"/>
      <c r="J26" s="259"/>
      <c r="T26" s="259"/>
      <c r="AD26" s="259"/>
      <c r="AE26" s="259"/>
      <c r="AF26" s="259"/>
      <c r="AG26" s="259"/>
      <c r="AH26" s="259"/>
      <c r="AI26" s="259"/>
      <c r="AJ26" s="259"/>
      <c r="AK26" s="259"/>
      <c r="AL26" s="259"/>
      <c r="AM26" s="259"/>
      <c r="AN26" s="259"/>
      <c r="AO26" s="259"/>
      <c r="AP26" s="259"/>
      <c r="AQ26" s="259"/>
      <c r="AR26" s="259"/>
      <c r="CO26" s="63"/>
      <c r="CP26" s="63"/>
      <c r="CQ26" s="159"/>
      <c r="CR26" s="321"/>
    </row>
    <row r="27" spans="1:101" ht="16.5" customHeight="1" thickBot="1" x14ac:dyDescent="0.25">
      <c r="A27" s="370" t="s">
        <v>986</v>
      </c>
      <c r="B27" s="370"/>
      <c r="C27" s="370"/>
      <c r="D27" s="370"/>
      <c r="E27" s="370"/>
      <c r="F27" s="370"/>
      <c r="G27" s="370"/>
      <c r="H27" s="370"/>
      <c r="I27" s="370"/>
      <c r="J27" s="370"/>
      <c r="K27" s="370"/>
      <c r="L27" s="370"/>
      <c r="M27" s="370"/>
      <c r="N27" s="370"/>
      <c r="O27" s="370"/>
      <c r="P27" s="370"/>
      <c r="Q27" s="370"/>
      <c r="R27" s="370"/>
      <c r="S27" s="370"/>
      <c r="T27" s="370"/>
      <c r="U27" s="370"/>
      <c r="V27" s="370"/>
      <c r="W27" s="370"/>
      <c r="X27" s="370"/>
      <c r="Y27" s="370"/>
      <c r="Z27" s="370"/>
      <c r="AA27" s="370"/>
      <c r="AB27" s="370"/>
      <c r="AC27" s="370"/>
      <c r="AD27" s="370"/>
      <c r="AE27" s="370"/>
      <c r="AF27" s="370"/>
      <c r="AG27" s="370"/>
      <c r="AH27" s="370"/>
      <c r="AI27" s="370"/>
      <c r="AJ27" s="370"/>
      <c r="AK27" s="370"/>
      <c r="AL27" s="370"/>
      <c r="AM27" s="370"/>
      <c r="AN27" s="370"/>
      <c r="AO27" s="370"/>
      <c r="AP27" s="370"/>
      <c r="AQ27" s="370"/>
      <c r="AR27" s="370"/>
      <c r="AS27" s="370"/>
      <c r="AT27" s="370"/>
      <c r="AU27" s="370"/>
      <c r="AV27" s="370"/>
      <c r="AW27" s="370"/>
      <c r="AX27" s="370"/>
      <c r="AY27" s="370"/>
      <c r="AZ27" s="370"/>
      <c r="BA27" s="370"/>
      <c r="BB27" s="370"/>
      <c r="BC27" s="370"/>
      <c r="BD27" s="370"/>
      <c r="BE27" s="370"/>
      <c r="BF27" s="370"/>
      <c r="BG27" s="370"/>
      <c r="BH27" s="370"/>
      <c r="BI27" s="370"/>
      <c r="BJ27" s="370"/>
      <c r="BK27" s="370"/>
      <c r="BL27" s="370"/>
      <c r="BM27" s="370"/>
      <c r="BN27" s="370"/>
      <c r="BO27" s="370"/>
      <c r="BP27" s="370"/>
      <c r="BQ27" s="370"/>
      <c r="BR27" s="370"/>
      <c r="BS27" s="370"/>
      <c r="BT27" s="370"/>
      <c r="BU27" s="370"/>
      <c r="BV27" s="370"/>
      <c r="BW27" s="370"/>
      <c r="BX27" s="370"/>
      <c r="BY27" s="370"/>
      <c r="BZ27" s="370"/>
      <c r="CA27" s="370"/>
      <c r="CB27" s="370"/>
      <c r="CC27" s="370"/>
      <c r="CD27" s="370"/>
      <c r="CE27" s="370"/>
      <c r="CF27" s="370"/>
      <c r="CG27" s="370"/>
      <c r="CH27" s="370"/>
      <c r="CI27" s="370"/>
      <c r="CJ27" s="370"/>
      <c r="CK27" s="370"/>
      <c r="CL27" s="370"/>
      <c r="CM27" s="370"/>
      <c r="CN27" s="370"/>
      <c r="CO27" s="255"/>
      <c r="CP27" s="255"/>
      <c r="CQ27" s="160" t="s">
        <v>657</v>
      </c>
      <c r="CR27" s="308" t="s">
        <v>654</v>
      </c>
      <c r="CS27" s="26"/>
    </row>
    <row r="28" spans="1:101" ht="51.6" customHeight="1" thickBot="1" x14ac:dyDescent="0.25">
      <c r="A28" s="1355" t="str">
        <f>IF(実績報告書!A61=0,"",実績報告書!A61)</f>
        <v/>
      </c>
      <c r="B28" s="1356"/>
      <c r="C28" s="1356"/>
      <c r="D28" s="1356"/>
      <c r="E28" s="1356"/>
      <c r="F28" s="1356"/>
      <c r="G28" s="1356"/>
      <c r="H28" s="1356"/>
      <c r="I28" s="1356"/>
      <c r="J28" s="1356"/>
      <c r="K28" s="1356"/>
      <c r="L28" s="1356"/>
      <c r="M28" s="1356"/>
      <c r="N28" s="1356"/>
      <c r="O28" s="1356"/>
      <c r="P28" s="1356"/>
      <c r="Q28" s="1356"/>
      <c r="R28" s="1356"/>
      <c r="S28" s="1356"/>
      <c r="T28" s="1356"/>
      <c r="U28" s="1356"/>
      <c r="V28" s="1356"/>
      <c r="W28" s="1356"/>
      <c r="X28" s="1356"/>
      <c r="Y28" s="1356"/>
      <c r="Z28" s="1356"/>
      <c r="AA28" s="1356"/>
      <c r="AB28" s="1356"/>
      <c r="AC28" s="1356"/>
      <c r="AD28" s="1356"/>
      <c r="AE28" s="1356"/>
      <c r="AF28" s="1356"/>
      <c r="AG28" s="1356"/>
      <c r="AH28" s="1356"/>
      <c r="AI28" s="1356"/>
      <c r="AJ28" s="1356"/>
      <c r="AK28" s="1356"/>
      <c r="AL28" s="1356"/>
      <c r="AM28" s="1356"/>
      <c r="AN28" s="1356"/>
      <c r="AO28" s="1356"/>
      <c r="AP28" s="1356"/>
      <c r="AQ28" s="1357"/>
      <c r="AR28" s="375" t="s">
        <v>144</v>
      </c>
      <c r="AS28" s="375"/>
      <c r="AT28" s="375"/>
      <c r="AU28" s="375"/>
      <c r="AV28" s="375"/>
      <c r="AW28" s="375"/>
      <c r="AX28" s="375"/>
      <c r="AY28" s="375"/>
      <c r="AZ28" s="375"/>
      <c r="BA28" s="375"/>
      <c r="BB28" s="375"/>
      <c r="BC28" s="375"/>
      <c r="BD28" s="375"/>
      <c r="BE28" s="375"/>
      <c r="BF28" s="375"/>
      <c r="BG28" s="375"/>
      <c r="BH28" s="375"/>
      <c r="BI28" s="375"/>
      <c r="BJ28" s="375"/>
      <c r="BK28" s="375"/>
      <c r="BL28" s="375"/>
      <c r="BM28" s="375"/>
      <c r="BN28" s="375"/>
      <c r="BO28" s="375"/>
      <c r="BP28" s="375"/>
      <c r="BQ28" s="406"/>
      <c r="BR28" s="406"/>
      <c r="BS28" s="406"/>
      <c r="BT28" s="406"/>
      <c r="BU28" s="406"/>
      <c r="BV28" s="406"/>
      <c r="BW28" s="406"/>
      <c r="BX28" s="406"/>
      <c r="BY28" s="406"/>
      <c r="BZ28" s="406"/>
      <c r="CA28" s="406"/>
      <c r="CB28" s="406"/>
      <c r="CC28" s="406"/>
      <c r="CD28" s="406"/>
      <c r="CE28" s="406"/>
      <c r="CF28" s="406"/>
      <c r="CG28" s="406"/>
      <c r="CH28" s="406"/>
      <c r="CI28" s="406"/>
      <c r="CJ28" s="406"/>
      <c r="CK28" s="406"/>
      <c r="CL28" s="406"/>
      <c r="CM28" s="406"/>
      <c r="CN28" s="406"/>
      <c r="CO28" s="253"/>
      <c r="CP28" s="253"/>
      <c r="CQ28" s="160">
        <v>10</v>
      </c>
      <c r="CR28" s="307"/>
      <c r="CS28" s="2"/>
    </row>
    <row r="29" spans="1:101" ht="15.6" x14ac:dyDescent="0.2">
      <c r="E29" s="63"/>
      <c r="F29" s="63"/>
      <c r="G29" s="63"/>
      <c r="H29" s="63"/>
      <c r="Y29" s="65"/>
      <c r="Z29" s="65"/>
      <c r="AA29" s="65"/>
      <c r="AB29" s="65"/>
    </row>
    <row r="30" spans="1:101" ht="16.2" customHeight="1" thickBot="1" x14ac:dyDescent="0.25">
      <c r="A30" s="370" t="s">
        <v>985</v>
      </c>
      <c r="B30" s="370"/>
      <c r="C30" s="370"/>
      <c r="D30" s="370"/>
      <c r="E30" s="370"/>
      <c r="F30" s="370"/>
      <c r="G30" s="370"/>
      <c r="H30" s="370"/>
      <c r="I30" s="370"/>
      <c r="J30" s="370"/>
      <c r="K30" s="370"/>
      <c r="L30" s="370"/>
      <c r="M30" s="370"/>
      <c r="N30" s="370"/>
      <c r="O30" s="370"/>
      <c r="P30" s="370"/>
      <c r="Q30" s="370"/>
      <c r="R30" s="370"/>
      <c r="S30" s="370"/>
      <c r="T30" s="370"/>
      <c r="U30" s="370"/>
      <c r="V30" s="370"/>
      <c r="W30" s="370"/>
      <c r="X30" s="370"/>
      <c r="Y30" s="429"/>
      <c r="Z30" s="429"/>
      <c r="AA30" s="429"/>
      <c r="AB30" s="429"/>
      <c r="AC30" s="429"/>
      <c r="AD30" s="429"/>
      <c r="AE30" s="429"/>
      <c r="AF30" s="429"/>
      <c r="AG30" s="429"/>
      <c r="AH30" s="429"/>
      <c r="AI30" s="429"/>
      <c r="AJ30" s="429"/>
      <c r="AK30" s="429"/>
      <c r="AL30" s="429"/>
      <c r="AM30" s="429"/>
      <c r="AN30" s="429"/>
      <c r="AO30" s="429"/>
      <c r="AP30" s="429"/>
      <c r="AQ30" s="429"/>
      <c r="AR30" s="429"/>
      <c r="AS30" s="429"/>
      <c r="AT30" s="429"/>
      <c r="AU30" s="429"/>
      <c r="AV30" s="429"/>
      <c r="AW30" s="429"/>
      <c r="AX30" s="429"/>
      <c r="AY30" s="429"/>
      <c r="AZ30" s="429"/>
      <c r="BA30" s="429"/>
      <c r="BB30" s="429"/>
      <c r="BC30" s="429"/>
      <c r="BD30" s="429"/>
      <c r="BE30" s="429"/>
      <c r="BF30" s="429"/>
      <c r="BG30" s="429"/>
      <c r="BH30" s="429"/>
      <c r="BI30" s="429"/>
      <c r="BJ30" s="429"/>
      <c r="BK30" s="429"/>
      <c r="BL30" s="429"/>
      <c r="BM30" s="429"/>
      <c r="BN30" s="429"/>
      <c r="BO30" s="429"/>
      <c r="BP30" s="385"/>
      <c r="BQ30" s="385"/>
      <c r="BR30" s="385"/>
      <c r="BS30" s="385"/>
      <c r="BT30" s="385"/>
      <c r="BU30" s="385"/>
      <c r="BV30" s="385"/>
      <c r="BW30" s="385"/>
      <c r="BX30" s="385"/>
      <c r="BY30" s="385"/>
      <c r="BZ30" s="385"/>
      <c r="CA30" s="385"/>
      <c r="CB30" s="385"/>
      <c r="CC30" s="385"/>
      <c r="CD30" s="385"/>
      <c r="CE30" s="385"/>
      <c r="CF30" s="385"/>
      <c r="CG30" s="385"/>
      <c r="CH30" s="385"/>
      <c r="CI30" s="385"/>
      <c r="CJ30" s="385"/>
      <c r="CK30" s="385"/>
      <c r="CL30" s="385"/>
      <c r="CM30" s="385"/>
      <c r="CN30" s="385"/>
      <c r="CO30" s="254"/>
      <c r="CP30" s="254"/>
      <c r="CR30" s="306"/>
      <c r="CS30" s="26"/>
    </row>
    <row r="31" spans="1:101" ht="24" customHeight="1" x14ac:dyDescent="0.2">
      <c r="A31" s="1358" t="s">
        <v>984</v>
      </c>
      <c r="B31" s="1359"/>
      <c r="C31" s="1359"/>
      <c r="D31" s="1359"/>
      <c r="E31" s="1359"/>
      <c r="F31" s="1359"/>
      <c r="G31" s="1359"/>
      <c r="H31" s="1359"/>
      <c r="I31" s="1359"/>
      <c r="J31" s="1359"/>
      <c r="K31" s="1359"/>
      <c r="L31" s="1359"/>
      <c r="M31" s="1359"/>
      <c r="N31" s="1359"/>
      <c r="O31" s="1359"/>
      <c r="P31" s="1359"/>
      <c r="Q31" s="1359"/>
      <c r="R31" s="1359"/>
      <c r="S31" s="1359"/>
      <c r="T31" s="1359"/>
      <c r="U31" s="1359"/>
      <c r="V31" s="1359"/>
      <c r="W31" s="1359"/>
      <c r="X31" s="1359"/>
      <c r="Y31" s="1359"/>
      <c r="Z31" s="1359"/>
      <c r="AA31" s="1359"/>
      <c r="AB31" s="1359"/>
      <c r="AC31" s="1360" t="s">
        <v>983</v>
      </c>
      <c r="AD31" s="1361"/>
      <c r="AE31" s="1361"/>
      <c r="AF31" s="1361"/>
      <c r="AG31" s="1361"/>
      <c r="AH31" s="1361"/>
      <c r="AI31" s="1361"/>
      <c r="AJ31" s="1361"/>
      <c r="AK31" s="1361"/>
      <c r="AL31" s="1361"/>
      <c r="AM31" s="1361"/>
      <c r="AN31" s="1361"/>
      <c r="AO31" s="1361"/>
      <c r="AP31" s="1361"/>
      <c r="AQ31" s="1361"/>
      <c r="AR31" s="1361"/>
      <c r="AS31" s="1361"/>
      <c r="AT31" s="1361"/>
      <c r="AU31" s="1361"/>
      <c r="AV31" s="1361"/>
      <c r="AW31" s="1361"/>
      <c r="AX31" s="1361"/>
      <c r="AY31" s="1361"/>
      <c r="AZ31" s="1361"/>
      <c r="BA31" s="1361"/>
      <c r="BB31" s="1361"/>
      <c r="BC31" s="1361"/>
      <c r="BD31" s="1361"/>
      <c r="BE31" s="1361"/>
      <c r="BF31" s="1361"/>
      <c r="BG31" s="1361"/>
      <c r="BH31" s="1361"/>
      <c r="BI31" s="1361"/>
      <c r="BJ31" s="1361"/>
      <c r="BK31" s="1361"/>
      <c r="BL31" s="1361"/>
      <c r="BM31" s="1361"/>
      <c r="BN31" s="1361"/>
      <c r="BO31" s="1361"/>
      <c r="BP31" s="1361"/>
      <c r="BQ31" s="1361"/>
      <c r="BR31" s="1361"/>
      <c r="BS31" s="1361"/>
      <c r="BT31" s="1361"/>
      <c r="BU31" s="1361"/>
      <c r="BV31" s="1361"/>
      <c r="BW31" s="1361"/>
      <c r="BX31" s="1361"/>
      <c r="BY31" s="1361"/>
      <c r="BZ31" s="1361"/>
      <c r="CA31" s="1361"/>
      <c r="CB31" s="1361"/>
      <c r="CC31" s="1361"/>
      <c r="CD31" s="1361"/>
      <c r="CE31" s="1361"/>
      <c r="CF31" s="1361"/>
      <c r="CG31" s="1361"/>
      <c r="CH31" s="1361"/>
      <c r="CI31" s="1361"/>
      <c r="CJ31" s="1361"/>
      <c r="CK31" s="1361"/>
      <c r="CL31" s="1361"/>
      <c r="CM31" s="1361"/>
      <c r="CN31" s="1362"/>
      <c r="CO31" s="253"/>
      <c r="CP31" s="253"/>
      <c r="CQ31" s="160" t="s">
        <v>657</v>
      </c>
      <c r="CR31" s="308" t="s">
        <v>654</v>
      </c>
      <c r="CS31" s="2"/>
    </row>
    <row r="32" spans="1:101" ht="30" customHeight="1" x14ac:dyDescent="0.2">
      <c r="A32" s="1363"/>
      <c r="B32" s="1364"/>
      <c r="C32" s="1364"/>
      <c r="D32" s="1364"/>
      <c r="E32" s="1364"/>
      <c r="F32" s="1364"/>
      <c r="G32" s="1364"/>
      <c r="H32" s="1364"/>
      <c r="I32" s="1364"/>
      <c r="J32" s="1364"/>
      <c r="K32" s="1364"/>
      <c r="L32" s="1364"/>
      <c r="M32" s="1364"/>
      <c r="N32" s="1364"/>
      <c r="O32" s="1364"/>
      <c r="P32" s="1364"/>
      <c r="Q32" s="1364"/>
      <c r="R32" s="1364"/>
      <c r="S32" s="1364"/>
      <c r="T32" s="1364"/>
      <c r="U32" s="1364"/>
      <c r="V32" s="1364"/>
      <c r="W32" s="1364"/>
      <c r="X32" s="1364"/>
      <c r="Y32" s="1364"/>
      <c r="Z32" s="1364"/>
      <c r="AA32" s="1364"/>
      <c r="AB32" s="1364"/>
      <c r="AC32" s="1365"/>
      <c r="AD32" s="1366"/>
      <c r="AE32" s="1366"/>
      <c r="AF32" s="1366"/>
      <c r="AG32" s="1366"/>
      <c r="AH32" s="1366"/>
      <c r="AI32" s="1366"/>
      <c r="AJ32" s="1366"/>
      <c r="AK32" s="1366"/>
      <c r="AL32" s="1366"/>
      <c r="AM32" s="1366"/>
      <c r="AN32" s="1366"/>
      <c r="AO32" s="1366"/>
      <c r="AP32" s="1366"/>
      <c r="AQ32" s="1366"/>
      <c r="AR32" s="1366"/>
      <c r="AS32" s="1366"/>
      <c r="AT32" s="1366"/>
      <c r="AU32" s="1366"/>
      <c r="AV32" s="1366"/>
      <c r="AW32" s="1366"/>
      <c r="AX32" s="1366"/>
      <c r="AY32" s="1366"/>
      <c r="AZ32" s="1366"/>
      <c r="BA32" s="1366"/>
      <c r="BB32" s="1366"/>
      <c r="BC32" s="1366"/>
      <c r="BD32" s="1366"/>
      <c r="BE32" s="1366"/>
      <c r="BF32" s="1366"/>
      <c r="BG32" s="1366"/>
      <c r="BH32" s="1366"/>
      <c r="BI32" s="1366"/>
      <c r="BJ32" s="1366"/>
      <c r="BK32" s="1366"/>
      <c r="BL32" s="1366"/>
      <c r="BM32" s="1366"/>
      <c r="BN32" s="1366"/>
      <c r="BO32" s="1366"/>
      <c r="BP32" s="1366"/>
      <c r="BQ32" s="1366"/>
      <c r="BR32" s="1366"/>
      <c r="BS32" s="1366"/>
      <c r="BT32" s="1366"/>
      <c r="BU32" s="1366"/>
      <c r="BV32" s="1366"/>
      <c r="BW32" s="1366"/>
      <c r="BX32" s="1366"/>
      <c r="BY32" s="1366"/>
      <c r="BZ32" s="1366"/>
      <c r="CA32" s="1366"/>
      <c r="CB32" s="1366"/>
      <c r="CC32" s="1366"/>
      <c r="CD32" s="1366"/>
      <c r="CE32" s="1366"/>
      <c r="CF32" s="1366"/>
      <c r="CG32" s="1366"/>
      <c r="CH32" s="1366"/>
      <c r="CI32" s="1366"/>
      <c r="CJ32" s="1366"/>
      <c r="CK32" s="1366"/>
      <c r="CL32" s="1366"/>
      <c r="CM32" s="1366"/>
      <c r="CN32" s="1367"/>
      <c r="CQ32" s="160">
        <v>11</v>
      </c>
      <c r="CR32" s="307"/>
    </row>
    <row r="33" spans="1:96" ht="24" customHeight="1" x14ac:dyDescent="0.2">
      <c r="A33" s="1368" t="s">
        <v>982</v>
      </c>
      <c r="B33" s="1369"/>
      <c r="C33" s="1369"/>
      <c r="D33" s="1369"/>
      <c r="E33" s="1369"/>
      <c r="F33" s="1369"/>
      <c r="G33" s="1369"/>
      <c r="H33" s="1369"/>
      <c r="I33" s="1369"/>
      <c r="J33" s="1369"/>
      <c r="K33" s="1369"/>
      <c r="L33" s="1369"/>
      <c r="M33" s="1369"/>
      <c r="N33" s="1369"/>
      <c r="O33" s="1369"/>
      <c r="P33" s="1369"/>
      <c r="Q33" s="1369"/>
      <c r="R33" s="1369"/>
      <c r="S33" s="1369"/>
      <c r="T33" s="1369"/>
      <c r="U33" s="1369"/>
      <c r="V33" s="1369"/>
      <c r="W33" s="1369"/>
      <c r="X33" s="1369"/>
      <c r="Y33" s="1369"/>
      <c r="Z33" s="1369"/>
      <c r="AA33" s="1369"/>
      <c r="AB33" s="1369"/>
      <c r="AC33" s="1370" t="s">
        <v>981</v>
      </c>
      <c r="AD33" s="1371"/>
      <c r="AE33" s="1371"/>
      <c r="AF33" s="1371"/>
      <c r="AG33" s="1371"/>
      <c r="AH33" s="1371"/>
      <c r="AI33" s="1371"/>
      <c r="AJ33" s="1371"/>
      <c r="AK33" s="1371"/>
      <c r="AL33" s="1371"/>
      <c r="AM33" s="1371"/>
      <c r="AN33" s="1371"/>
      <c r="AO33" s="1371"/>
      <c r="AP33" s="1371"/>
      <c r="AQ33" s="1371"/>
      <c r="AR33" s="1371"/>
      <c r="AS33" s="1371"/>
      <c r="AT33" s="1371"/>
      <c r="AU33" s="1371"/>
      <c r="AV33" s="1371"/>
      <c r="AW33" s="1371"/>
      <c r="AX33" s="1371"/>
      <c r="AY33" s="1371"/>
      <c r="AZ33" s="1371"/>
      <c r="BA33" s="1371"/>
      <c r="BB33" s="1371"/>
      <c r="BC33" s="1371"/>
      <c r="BD33" s="1371"/>
      <c r="BE33" s="1371"/>
      <c r="BF33" s="1371"/>
      <c r="BG33" s="1371"/>
      <c r="BH33" s="1371"/>
      <c r="BI33" s="1371"/>
      <c r="BJ33" s="1371"/>
      <c r="BK33" s="1371"/>
      <c r="BL33" s="1371"/>
      <c r="BM33" s="1371"/>
      <c r="BN33" s="1371"/>
      <c r="BO33" s="1371"/>
      <c r="BP33" s="1371"/>
      <c r="BQ33" s="1371"/>
      <c r="BR33" s="1371"/>
      <c r="BS33" s="1371"/>
      <c r="BT33" s="1371"/>
      <c r="BU33" s="1371"/>
      <c r="BV33" s="1371"/>
      <c r="BW33" s="1371"/>
      <c r="BX33" s="1371"/>
      <c r="BY33" s="1371"/>
      <c r="BZ33" s="1371"/>
      <c r="CA33" s="1371"/>
      <c r="CB33" s="1371"/>
      <c r="CC33" s="1371"/>
      <c r="CD33" s="1371"/>
      <c r="CE33" s="1371"/>
      <c r="CF33" s="1371"/>
      <c r="CG33" s="1371"/>
      <c r="CH33" s="1371"/>
      <c r="CI33" s="1371"/>
      <c r="CJ33" s="1371"/>
      <c r="CK33" s="1371"/>
      <c r="CL33" s="1371"/>
      <c r="CM33" s="1371"/>
      <c r="CN33" s="1372"/>
      <c r="CR33" s="306"/>
    </row>
    <row r="34" spans="1:96" ht="30" customHeight="1" x14ac:dyDescent="0.2">
      <c r="A34" s="1373"/>
      <c r="B34" s="1374"/>
      <c r="C34" s="1374"/>
      <c r="D34" s="1374"/>
      <c r="E34" s="1374"/>
      <c r="F34" s="1374"/>
      <c r="G34" s="1374"/>
      <c r="H34" s="1364"/>
      <c r="I34" s="1364"/>
      <c r="J34" s="1364"/>
      <c r="K34" s="1364"/>
      <c r="L34" s="1364"/>
      <c r="M34" s="1364"/>
      <c r="N34" s="1364"/>
      <c r="O34" s="1364"/>
      <c r="P34" s="1364"/>
      <c r="Q34" s="1364"/>
      <c r="R34" s="1364"/>
      <c r="S34" s="1364"/>
      <c r="T34" s="1364"/>
      <c r="U34" s="1364"/>
      <c r="V34" s="1364"/>
      <c r="W34" s="1364"/>
      <c r="X34" s="1364"/>
      <c r="Y34" s="1364"/>
      <c r="Z34" s="1364"/>
      <c r="AA34" s="1364"/>
      <c r="AB34" s="1364"/>
      <c r="AC34" s="1365"/>
      <c r="AD34" s="1366"/>
      <c r="AE34" s="1366"/>
      <c r="AF34" s="1366"/>
      <c r="AG34" s="1366"/>
      <c r="AH34" s="1366"/>
      <c r="AI34" s="1366"/>
      <c r="AJ34" s="1366"/>
      <c r="AK34" s="1366"/>
      <c r="AL34" s="1366"/>
      <c r="AM34" s="1366"/>
      <c r="AN34" s="1366"/>
      <c r="AO34" s="1366"/>
      <c r="AP34" s="1366"/>
      <c r="AQ34" s="1366"/>
      <c r="AR34" s="1366"/>
      <c r="AS34" s="1366"/>
      <c r="AT34" s="1366"/>
      <c r="AU34" s="1366"/>
      <c r="AV34" s="1366"/>
      <c r="AW34" s="1366"/>
      <c r="AX34" s="1366"/>
      <c r="AY34" s="1366"/>
      <c r="AZ34" s="1366"/>
      <c r="BA34" s="1366"/>
      <c r="BB34" s="1366"/>
      <c r="BC34" s="1366"/>
      <c r="BD34" s="1366"/>
      <c r="BE34" s="1366"/>
      <c r="BF34" s="1366"/>
      <c r="BG34" s="1366"/>
      <c r="BH34" s="1366"/>
      <c r="BI34" s="1366"/>
      <c r="BJ34" s="1366"/>
      <c r="BK34" s="1366"/>
      <c r="BL34" s="1366"/>
      <c r="BM34" s="1366"/>
      <c r="BN34" s="1366"/>
      <c r="BO34" s="1366"/>
      <c r="BP34" s="1366"/>
      <c r="BQ34" s="1366"/>
      <c r="BR34" s="1366"/>
      <c r="BS34" s="1366"/>
      <c r="BT34" s="1366"/>
      <c r="BU34" s="1366"/>
      <c r="BV34" s="1366"/>
      <c r="BW34" s="1366"/>
      <c r="BX34" s="1366"/>
      <c r="BY34" s="1366"/>
      <c r="BZ34" s="1366"/>
      <c r="CA34" s="1366"/>
      <c r="CB34" s="1366"/>
      <c r="CC34" s="1366"/>
      <c r="CD34" s="1366"/>
      <c r="CE34" s="1366"/>
      <c r="CF34" s="1366"/>
      <c r="CG34" s="1366"/>
      <c r="CH34" s="1366"/>
      <c r="CI34" s="1366"/>
      <c r="CJ34" s="1366"/>
      <c r="CK34" s="1366"/>
      <c r="CL34" s="1366"/>
      <c r="CM34" s="1366"/>
      <c r="CN34" s="1367"/>
      <c r="CQ34" s="160">
        <v>12</v>
      </c>
      <c r="CR34" s="307"/>
    </row>
    <row r="35" spans="1:96" ht="24" customHeight="1" x14ac:dyDescent="0.2">
      <c r="A35" s="1375" t="s">
        <v>980</v>
      </c>
      <c r="B35" s="1376"/>
      <c r="C35" s="1376"/>
      <c r="D35" s="1376"/>
      <c r="E35" s="1376"/>
      <c r="F35" s="1376"/>
      <c r="G35" s="1376"/>
      <c r="H35" s="1376"/>
      <c r="I35" s="1376"/>
      <c r="J35" s="1376"/>
      <c r="K35" s="1376"/>
      <c r="L35" s="1376"/>
      <c r="M35" s="1376"/>
      <c r="N35" s="1376"/>
      <c r="O35" s="1376"/>
      <c r="P35" s="1376"/>
      <c r="Q35" s="1376"/>
      <c r="R35" s="1376"/>
      <c r="S35" s="1376"/>
      <c r="T35" s="1376"/>
      <c r="U35" s="1376"/>
      <c r="V35" s="1376"/>
      <c r="W35" s="1376"/>
      <c r="X35" s="1376"/>
      <c r="Y35" s="1376"/>
      <c r="Z35" s="1376"/>
      <c r="AA35" s="1376"/>
      <c r="AB35" s="1376"/>
      <c r="AC35" s="1376"/>
      <c r="AD35" s="1376"/>
      <c r="AE35" s="1376"/>
      <c r="AF35" s="1376"/>
      <c r="AG35" s="1376"/>
      <c r="AH35" s="1376"/>
      <c r="AI35" s="1376"/>
      <c r="AJ35" s="1376"/>
      <c r="AK35" s="1376"/>
      <c r="AL35" s="1376"/>
      <c r="AM35" s="1376"/>
      <c r="AN35" s="1376"/>
      <c r="AO35" s="1376"/>
      <c r="AP35" s="1376"/>
      <c r="AQ35" s="1376"/>
      <c r="AR35" s="1376"/>
      <c r="AS35" s="1376"/>
      <c r="AT35" s="1376"/>
      <c r="AU35" s="1376"/>
      <c r="AV35" s="1376"/>
      <c r="AW35" s="1376"/>
      <c r="AX35" s="1376"/>
      <c r="AY35" s="1376"/>
      <c r="AZ35" s="1376"/>
      <c r="BA35" s="1376"/>
      <c r="BB35" s="1376"/>
      <c r="BC35" s="1376"/>
      <c r="BD35" s="1376"/>
      <c r="BE35" s="1376"/>
      <c r="BF35" s="1376"/>
      <c r="BG35" s="1376"/>
      <c r="BH35" s="1376"/>
      <c r="BI35" s="1376"/>
      <c r="BJ35" s="1376"/>
      <c r="BK35" s="1376"/>
      <c r="BL35" s="1376"/>
      <c r="BM35" s="1376"/>
      <c r="BN35" s="1376"/>
      <c r="BO35" s="1376"/>
      <c r="BP35" s="1376"/>
      <c r="BQ35" s="1376"/>
      <c r="BR35" s="1376"/>
      <c r="BS35" s="1376"/>
      <c r="BT35" s="1376"/>
      <c r="BU35" s="1376"/>
      <c r="BV35" s="1376"/>
      <c r="BW35" s="1376"/>
      <c r="BX35" s="1376"/>
      <c r="BY35" s="1376"/>
      <c r="BZ35" s="1376"/>
      <c r="CA35" s="1376"/>
      <c r="CB35" s="1376"/>
      <c r="CC35" s="1376"/>
      <c r="CD35" s="1376"/>
      <c r="CE35" s="1376"/>
      <c r="CF35" s="1376"/>
      <c r="CG35" s="1376"/>
      <c r="CH35" s="1376"/>
      <c r="CI35" s="1376"/>
      <c r="CJ35" s="1376"/>
      <c r="CK35" s="1376"/>
      <c r="CL35" s="1376"/>
      <c r="CM35" s="1376"/>
      <c r="CN35" s="1377"/>
      <c r="CR35" s="306"/>
    </row>
    <row r="36" spans="1:96" ht="24" customHeight="1" x14ac:dyDescent="0.2">
      <c r="A36" s="1378" t="s">
        <v>3</v>
      </c>
      <c r="B36" s="1379"/>
      <c r="C36" s="1379"/>
      <c r="D36" s="1380" t="s">
        <v>979</v>
      </c>
      <c r="E36" s="1380"/>
      <c r="F36" s="1380"/>
      <c r="G36" s="1380"/>
      <c r="H36" s="1380"/>
      <c r="I36" s="1380"/>
      <c r="J36" s="1380"/>
      <c r="K36" s="1380"/>
      <c r="L36" s="1380"/>
      <c r="M36" s="1380"/>
      <c r="N36" s="1380"/>
      <c r="O36" s="1380"/>
      <c r="P36" s="1380"/>
      <c r="Q36" s="1380"/>
      <c r="R36" s="1380"/>
      <c r="S36" s="1380"/>
      <c r="T36" s="1380"/>
      <c r="U36" s="1381"/>
      <c r="V36" s="1382" t="s">
        <v>3</v>
      </c>
      <c r="W36" s="1379"/>
      <c r="X36" s="1379"/>
      <c r="Y36" s="1380" t="s">
        <v>978</v>
      </c>
      <c r="Z36" s="1380"/>
      <c r="AA36" s="1380"/>
      <c r="AB36" s="1380"/>
      <c r="AC36" s="1383"/>
      <c r="AD36" s="1383"/>
      <c r="AE36" s="1383"/>
      <c r="AF36" s="1383"/>
      <c r="AG36" s="1383"/>
      <c r="AH36" s="1383"/>
      <c r="AI36" s="1383"/>
      <c r="AJ36" s="1383"/>
      <c r="AK36" s="1383"/>
      <c r="AL36" s="1383"/>
      <c r="AM36" s="1383"/>
      <c r="AN36" s="1383"/>
      <c r="AO36" s="1383"/>
      <c r="AP36" s="1384"/>
      <c r="AQ36" s="1385" t="s">
        <v>3</v>
      </c>
      <c r="AR36" s="1386"/>
      <c r="AS36" s="1386"/>
      <c r="AT36" s="1383" t="s">
        <v>977</v>
      </c>
      <c r="AU36" s="1383"/>
      <c r="AV36" s="1383"/>
      <c r="AW36" s="1383"/>
      <c r="AX36" s="1383"/>
      <c r="AY36" s="1383"/>
      <c r="AZ36" s="1383"/>
      <c r="BA36" s="1383"/>
      <c r="BB36" s="1383"/>
      <c r="BC36" s="1383"/>
      <c r="BD36" s="1383"/>
      <c r="BE36" s="1383"/>
      <c r="BF36" s="1383"/>
      <c r="BG36" s="1383"/>
      <c r="BH36" s="1383"/>
      <c r="BI36" s="1383"/>
      <c r="BJ36" s="1383"/>
      <c r="BK36" s="1384"/>
      <c r="BL36" s="1385" t="s">
        <v>3</v>
      </c>
      <c r="BM36" s="1386"/>
      <c r="BN36" s="1386"/>
      <c r="BO36" s="1387" t="s">
        <v>976</v>
      </c>
      <c r="BP36" s="1387"/>
      <c r="BQ36" s="1387"/>
      <c r="BR36" s="1387"/>
      <c r="BS36" s="1387"/>
      <c r="BT36" s="1387"/>
      <c r="BU36" s="1387"/>
      <c r="BV36" s="1387"/>
      <c r="BW36" s="1388"/>
      <c r="BX36" s="1388"/>
      <c r="BY36" s="1388"/>
      <c r="BZ36" s="1388"/>
      <c r="CA36" s="1388"/>
      <c r="CB36" s="1388"/>
      <c r="CC36" s="1388"/>
      <c r="CD36" s="1388"/>
      <c r="CE36" s="1388"/>
      <c r="CF36" s="1388"/>
      <c r="CG36" s="1388"/>
      <c r="CH36" s="1388"/>
      <c r="CI36" s="1388"/>
      <c r="CJ36" s="1388"/>
      <c r="CK36" s="1388"/>
      <c r="CL36" s="1388"/>
      <c r="CM36" s="1389" t="s">
        <v>975</v>
      </c>
      <c r="CN36" s="1390"/>
      <c r="CQ36" s="160">
        <v>13</v>
      </c>
      <c r="CR36" s="307"/>
    </row>
    <row r="37" spans="1:96" ht="30" customHeight="1" x14ac:dyDescent="0.2">
      <c r="A37" s="1368" t="s">
        <v>974</v>
      </c>
      <c r="B37" s="1369"/>
      <c r="C37" s="1369"/>
      <c r="D37" s="1369"/>
      <c r="E37" s="1369"/>
      <c r="F37" s="1369"/>
      <c r="G37" s="1369"/>
      <c r="H37" s="1369"/>
      <c r="I37" s="1369"/>
      <c r="J37" s="1369"/>
      <c r="K37" s="1369"/>
      <c r="L37" s="1369"/>
      <c r="M37" s="1369"/>
      <c r="N37" s="1369"/>
      <c r="O37" s="1369"/>
      <c r="P37" s="1369"/>
      <c r="Q37" s="1369"/>
      <c r="R37" s="1369"/>
      <c r="S37" s="1369"/>
      <c r="T37" s="1369"/>
      <c r="U37" s="1369"/>
      <c r="V37" s="1369"/>
      <c r="W37" s="1369"/>
      <c r="X37" s="1369"/>
      <c r="Y37" s="1369"/>
      <c r="Z37" s="1369"/>
      <c r="AA37" s="1369"/>
      <c r="AB37" s="1399"/>
      <c r="AC37" s="1364"/>
      <c r="AD37" s="1364"/>
      <c r="AE37" s="1364"/>
      <c r="AF37" s="1364"/>
      <c r="AG37" s="1364"/>
      <c r="AH37" s="1364"/>
      <c r="AI37" s="1364"/>
      <c r="AJ37" s="1364"/>
      <c r="AK37" s="1364"/>
      <c r="AL37" s="1364"/>
      <c r="AM37" s="1364"/>
      <c r="AN37" s="1364"/>
      <c r="AO37" s="1364"/>
      <c r="AP37" s="1364"/>
      <c r="AQ37" s="1364"/>
      <c r="AR37" s="1364"/>
      <c r="AS37" s="1364"/>
      <c r="AT37" s="1364"/>
      <c r="AU37" s="1364"/>
      <c r="AV37" s="1364"/>
      <c r="AW37" s="1364"/>
      <c r="AX37" s="1364"/>
      <c r="AY37" s="1364"/>
      <c r="AZ37" s="1364"/>
      <c r="BA37" s="1364"/>
      <c r="BB37" s="1364"/>
      <c r="BC37" s="1364"/>
      <c r="BD37" s="1364"/>
      <c r="BE37" s="1364"/>
      <c r="BF37" s="1364"/>
      <c r="BG37" s="1364"/>
      <c r="BH37" s="1364"/>
      <c r="BI37" s="1364"/>
      <c r="BJ37" s="1364"/>
      <c r="BK37" s="1364"/>
      <c r="BL37" s="1364"/>
      <c r="BM37" s="1364"/>
      <c r="BN37" s="1364"/>
      <c r="BO37" s="1364"/>
      <c r="BP37" s="1364"/>
      <c r="BQ37" s="1364"/>
      <c r="BR37" s="1364"/>
      <c r="BS37" s="1364"/>
      <c r="BT37" s="1364"/>
      <c r="BU37" s="1364"/>
      <c r="BV37" s="1364"/>
      <c r="BW37" s="1364"/>
      <c r="BX37" s="1364"/>
      <c r="BY37" s="1364"/>
      <c r="BZ37" s="1364"/>
      <c r="CA37" s="1364"/>
      <c r="CB37" s="1364"/>
      <c r="CC37" s="1364"/>
      <c r="CD37" s="1364"/>
      <c r="CE37" s="1364"/>
      <c r="CF37" s="1364"/>
      <c r="CG37" s="1364"/>
      <c r="CH37" s="1364"/>
      <c r="CI37" s="1364"/>
      <c r="CJ37" s="1364"/>
      <c r="CK37" s="1364"/>
      <c r="CL37" s="1364"/>
      <c r="CM37" s="1364"/>
      <c r="CN37" s="1391"/>
      <c r="CQ37" s="160">
        <v>14</v>
      </c>
      <c r="CR37" s="307"/>
    </row>
    <row r="38" spans="1:96" ht="30" customHeight="1" thickBot="1" x14ac:dyDescent="0.25">
      <c r="A38" s="1402" t="s">
        <v>973</v>
      </c>
      <c r="B38" s="1403"/>
      <c r="C38" s="1403"/>
      <c r="D38" s="1403"/>
      <c r="E38" s="1403"/>
      <c r="F38" s="1403"/>
      <c r="G38" s="1403"/>
      <c r="H38" s="1403"/>
      <c r="I38" s="1403"/>
      <c r="J38" s="1403"/>
      <c r="K38" s="1403"/>
      <c r="L38" s="1403"/>
      <c r="M38" s="1403"/>
      <c r="N38" s="1403"/>
      <c r="O38" s="1403"/>
      <c r="P38" s="1403"/>
      <c r="Q38" s="1403"/>
      <c r="R38" s="1403"/>
      <c r="S38" s="1403"/>
      <c r="T38" s="1403"/>
      <c r="U38" s="1403"/>
      <c r="V38" s="1403"/>
      <c r="W38" s="1403"/>
      <c r="X38" s="1403"/>
      <c r="Y38" s="1403"/>
      <c r="Z38" s="1403"/>
      <c r="AA38" s="1403"/>
      <c r="AB38" s="1403"/>
      <c r="AC38" s="1404"/>
      <c r="AD38" s="1397"/>
      <c r="AE38" s="1397"/>
      <c r="AF38" s="1397"/>
      <c r="AG38" s="1397"/>
      <c r="AH38" s="1397"/>
      <c r="AI38" s="1397"/>
      <c r="AJ38" s="1397"/>
      <c r="AK38" s="1397"/>
      <c r="AL38" s="1397"/>
      <c r="AM38" s="1397"/>
      <c r="AN38" s="1397"/>
      <c r="AO38" s="1397"/>
      <c r="AP38" s="1397"/>
      <c r="AQ38" s="1397"/>
      <c r="AR38" s="1397"/>
      <c r="AS38" s="1397"/>
      <c r="AT38" s="1397"/>
      <c r="AU38" s="1397"/>
      <c r="AV38" s="1397"/>
      <c r="AW38" s="1397"/>
      <c r="AX38" s="1397"/>
      <c r="AY38" s="1397"/>
      <c r="AZ38" s="1397"/>
      <c r="BA38" s="1397"/>
      <c r="BB38" s="1397"/>
      <c r="BC38" s="1397"/>
      <c r="BD38" s="1397"/>
      <c r="BE38" s="1397"/>
      <c r="BF38" s="1397"/>
      <c r="BG38" s="1397"/>
      <c r="BH38" s="1405"/>
      <c r="BI38" s="1396"/>
      <c r="BJ38" s="1397"/>
      <c r="BK38" s="1397"/>
      <c r="BL38" s="1397"/>
      <c r="BM38" s="1397"/>
      <c r="BN38" s="1397"/>
      <c r="BO38" s="1397"/>
      <c r="BP38" s="1397"/>
      <c r="BQ38" s="1397"/>
      <c r="BR38" s="1397"/>
      <c r="BS38" s="1397"/>
      <c r="BT38" s="1397"/>
      <c r="BU38" s="1397"/>
      <c r="BV38" s="1397"/>
      <c r="BW38" s="1397"/>
      <c r="BX38" s="1397"/>
      <c r="BY38" s="1397"/>
      <c r="BZ38" s="1397"/>
      <c r="CA38" s="1397"/>
      <c r="CB38" s="1397"/>
      <c r="CC38" s="1397"/>
      <c r="CD38" s="1397"/>
      <c r="CE38" s="1397"/>
      <c r="CF38" s="1397"/>
      <c r="CG38" s="1397"/>
      <c r="CH38" s="1397"/>
      <c r="CI38" s="1397"/>
      <c r="CJ38" s="1397"/>
      <c r="CK38" s="1397"/>
      <c r="CL38" s="1397"/>
      <c r="CM38" s="1397"/>
      <c r="CN38" s="1398"/>
      <c r="CQ38" s="160">
        <v>15</v>
      </c>
      <c r="CR38" s="307"/>
    </row>
    <row r="60" spans="1:59" ht="31.8" hidden="1" customHeight="1" x14ac:dyDescent="0.2">
      <c r="A60" s="1392" t="s">
        <v>1147</v>
      </c>
      <c r="B60" s="1392"/>
      <c r="C60" s="1392"/>
      <c r="D60" s="1392"/>
      <c r="E60" s="1392"/>
      <c r="F60" s="1392"/>
      <c r="G60" s="1392"/>
      <c r="H60" s="1392"/>
      <c r="I60" s="1392"/>
      <c r="J60" s="1393" t="str">
        <f>IF(AC38="","",_xlfn.CONCAT(ASC($AC$38)," ",ASC($BI$38)))</f>
        <v/>
      </c>
      <c r="K60" s="1394"/>
      <c r="L60" s="1394"/>
      <c r="M60" s="1394"/>
      <c r="N60" s="1394"/>
      <c r="O60" s="1394"/>
      <c r="P60" s="1394"/>
      <c r="Q60" s="1394"/>
      <c r="R60" s="1394"/>
      <c r="S60" s="1394"/>
      <c r="T60" s="1394"/>
      <c r="U60" s="1394"/>
      <c r="V60" s="1394"/>
      <c r="W60" s="1394"/>
      <c r="X60" s="1394"/>
      <c r="Y60" s="1394"/>
      <c r="Z60" s="1394"/>
      <c r="AA60" s="1394"/>
      <c r="AB60" s="1394"/>
      <c r="AC60" s="1394"/>
      <c r="AD60" s="1394"/>
      <c r="AE60" s="1394"/>
      <c r="AF60" s="1394"/>
      <c r="AG60" s="1394"/>
      <c r="AH60" s="1394"/>
      <c r="AI60" s="1394"/>
      <c r="AJ60" s="1394"/>
      <c r="AK60" s="1394"/>
      <c r="AL60" s="1394"/>
      <c r="AM60" s="1394"/>
      <c r="AN60" s="1394"/>
      <c r="AO60" s="1394"/>
      <c r="AP60" s="1394"/>
      <c r="AQ60" s="1394"/>
      <c r="AR60" s="1394"/>
      <c r="AS60" s="1394"/>
      <c r="AT60" s="1394"/>
      <c r="AU60" s="1394"/>
      <c r="AV60" s="1394"/>
      <c r="AW60" s="1394"/>
      <c r="AX60" s="1394"/>
      <c r="AY60" s="1394"/>
      <c r="AZ60" s="1394"/>
      <c r="BA60" s="1394"/>
      <c r="BB60" s="1394"/>
      <c r="BC60" s="1394"/>
      <c r="BD60" s="1394"/>
      <c r="BE60" s="1394"/>
      <c r="BF60" s="1394"/>
      <c r="BG60" s="1395"/>
    </row>
    <row r="61" spans="1:59" ht="31.8" hidden="1" customHeight="1" x14ac:dyDescent="0.2">
      <c r="A61" s="1392" t="s">
        <v>1148</v>
      </c>
      <c r="B61" s="1400"/>
      <c r="C61" s="1400"/>
      <c r="D61" s="1400"/>
      <c r="E61" s="1400"/>
      <c r="F61" s="1400"/>
      <c r="G61" s="1400"/>
      <c r="H61" s="1400"/>
      <c r="I61" s="1400"/>
      <c r="J61" s="1401" t="str" cm="1">
        <f t="array" ref="J61">IFERROR(LEFT((_xlfn.CONCAT(MID("ｱｲｳｴｵｶｹﾂﾔﾕﾖ"&amp;J60,FIND(MID(J60,_xlfn.SEQUENCE(LEN(J60)),1),"ｧｨｩｪｫヵヶｯｬｭｮ"&amp;J60),1))),30),"")</f>
        <v/>
      </c>
      <c r="K61" s="1401"/>
      <c r="L61" s="1401"/>
      <c r="M61" s="1401"/>
      <c r="N61" s="1401"/>
      <c r="O61" s="1401"/>
      <c r="P61" s="1401"/>
      <c r="Q61" s="1401"/>
      <c r="R61" s="1401"/>
      <c r="S61" s="1401"/>
      <c r="T61" s="1401"/>
      <c r="U61" s="1401"/>
      <c r="V61" s="1401"/>
      <c r="W61" s="1401"/>
      <c r="X61" s="1401"/>
      <c r="Y61" s="1401"/>
      <c r="Z61" s="1401"/>
      <c r="AA61" s="1401"/>
      <c r="AB61" s="1401"/>
      <c r="AC61" s="1401"/>
      <c r="AD61" s="1401"/>
      <c r="AE61" s="1401"/>
      <c r="AF61" s="1401"/>
      <c r="AG61" s="1401"/>
      <c r="AH61" s="1401"/>
      <c r="AI61" s="1401"/>
      <c r="AJ61" s="1401"/>
      <c r="AK61" s="1401"/>
      <c r="AL61" s="1401"/>
      <c r="AM61" s="1401"/>
      <c r="AN61" s="1401"/>
      <c r="AO61" s="1401"/>
      <c r="AP61" s="1401"/>
      <c r="AQ61" s="1401"/>
      <c r="AR61" s="1401"/>
      <c r="AS61" s="1401"/>
      <c r="AT61" s="1401"/>
      <c r="AU61" s="1401"/>
      <c r="AV61" s="1401"/>
      <c r="AW61" s="1401"/>
      <c r="AX61" s="1401"/>
      <c r="AY61" s="1401"/>
      <c r="AZ61" s="1401"/>
      <c r="BA61" s="1401"/>
      <c r="BB61" s="1401"/>
      <c r="BC61" s="1401"/>
      <c r="BD61" s="1401"/>
      <c r="BE61" s="1401"/>
      <c r="BF61" s="1401"/>
      <c r="BG61" s="1401"/>
    </row>
  </sheetData>
  <sheetProtection algorithmName="SHA-512" hashValue="LV1W8ohlaUrIDwP/7/9tNM9LXxg59CRvQ2NuSe6B2QnxXts5AB12IKakFwBU2JAW/fkDv4cR/lnkUdGD76Qvag==" saltValue="n2PdcwKPunFUyzuWl8la0Q==" spinCount="100000" sheet="1" objects="1" formatColumns="0"/>
  <mergeCells count="90">
    <mergeCell ref="A61:I61"/>
    <mergeCell ref="J61:BG61"/>
    <mergeCell ref="A38:AB38"/>
    <mergeCell ref="AC38:BH38"/>
    <mergeCell ref="BD37:BL37"/>
    <mergeCell ref="BM37:BU37"/>
    <mergeCell ref="BV37:CD37"/>
    <mergeCell ref="CE37:CN37"/>
    <mergeCell ref="A60:I60"/>
    <mergeCell ref="J60:BG60"/>
    <mergeCell ref="BI38:CN38"/>
    <mergeCell ref="A37:AB37"/>
    <mergeCell ref="AC37:AK37"/>
    <mergeCell ref="AL37:AT37"/>
    <mergeCell ref="AU37:BC37"/>
    <mergeCell ref="A35:CN35"/>
    <mergeCell ref="A36:C36"/>
    <mergeCell ref="D36:U36"/>
    <mergeCell ref="V36:X36"/>
    <mergeCell ref="Y36:AP36"/>
    <mergeCell ref="AQ36:AS36"/>
    <mergeCell ref="AT36:BK36"/>
    <mergeCell ref="BL36:BN36"/>
    <mergeCell ref="BO36:BV36"/>
    <mergeCell ref="BW36:CL36"/>
    <mergeCell ref="CM36:CN36"/>
    <mergeCell ref="A33:AB33"/>
    <mergeCell ref="AC33:CN33"/>
    <mergeCell ref="A34:G34"/>
    <mergeCell ref="H34:N34"/>
    <mergeCell ref="O34:U34"/>
    <mergeCell ref="V34:AB34"/>
    <mergeCell ref="AC34:CN34"/>
    <mergeCell ref="A31:AB31"/>
    <mergeCell ref="AC31:CN31"/>
    <mergeCell ref="A32:G32"/>
    <mergeCell ref="H32:N32"/>
    <mergeCell ref="O32:U32"/>
    <mergeCell ref="V32:AB32"/>
    <mergeCell ref="AC32:CN32"/>
    <mergeCell ref="A28:AQ28"/>
    <mergeCell ref="AR28:BP28"/>
    <mergeCell ref="BQ28:CN28"/>
    <mergeCell ref="A30:X30"/>
    <mergeCell ref="Y30:BO30"/>
    <mergeCell ref="BP30:CN30"/>
    <mergeCell ref="A22:K22"/>
    <mergeCell ref="L22:CN22"/>
    <mergeCell ref="A24:CN24"/>
    <mergeCell ref="W25:AG25"/>
    <mergeCell ref="A27:CN27"/>
    <mergeCell ref="A18:K18"/>
    <mergeCell ref="L18:AG18"/>
    <mergeCell ref="AC21:BD21"/>
    <mergeCell ref="AH18:BE18"/>
    <mergeCell ref="A19:K19"/>
    <mergeCell ref="L19:AG19"/>
    <mergeCell ref="AH19:BE19"/>
    <mergeCell ref="BE21:CN21"/>
    <mergeCell ref="A20:K21"/>
    <mergeCell ref="L20:N20"/>
    <mergeCell ref="O20:R20"/>
    <mergeCell ref="S20:T20"/>
    <mergeCell ref="U20:Z20"/>
    <mergeCell ref="L21:AB21"/>
    <mergeCell ref="A16:K16"/>
    <mergeCell ref="L16:BE16"/>
    <mergeCell ref="BF16:BP16"/>
    <mergeCell ref="BQ16:CN16"/>
    <mergeCell ref="A17:K17"/>
    <mergeCell ref="L17:BE17"/>
    <mergeCell ref="A15:CN15"/>
    <mergeCell ref="CS4:CS5"/>
    <mergeCell ref="BJ6:BS6"/>
    <mergeCell ref="BT6:BX6"/>
    <mergeCell ref="BY6:BZ6"/>
    <mergeCell ref="CA6:CE6"/>
    <mergeCell ref="CF6:CG6"/>
    <mergeCell ref="CH6:CL6"/>
    <mergeCell ref="CM6:CN6"/>
    <mergeCell ref="BK7:CJ7"/>
    <mergeCell ref="A10:CN12"/>
    <mergeCell ref="A13:CN13"/>
    <mergeCell ref="A7:AA7"/>
    <mergeCell ref="A8:AA8"/>
    <mergeCell ref="A2:CN2"/>
    <mergeCell ref="A3:CN3"/>
    <mergeCell ref="CQ4:CQ5"/>
    <mergeCell ref="CR4:CR5"/>
    <mergeCell ref="A1:CN1"/>
  </mergeCells>
  <phoneticPr fontId="46"/>
  <conditionalFormatting sqref="A32">
    <cfRule type="expression" dxfId="34" priority="34" stopIfTrue="1">
      <formula>$A$32=""</formula>
    </cfRule>
  </conditionalFormatting>
  <conditionalFormatting sqref="A36 V36 AQ36 BL36">
    <cfRule type="expression" dxfId="33" priority="24" stopIfTrue="1">
      <formula>AND($A$36="□",$V$36="□",$AQ$36="□",$BL$36="□")</formula>
    </cfRule>
  </conditionalFormatting>
  <conditionalFormatting sqref="H32">
    <cfRule type="expression" dxfId="32" priority="33" stopIfTrue="1">
      <formula>$H$32=""</formula>
    </cfRule>
  </conditionalFormatting>
  <conditionalFormatting sqref="H34">
    <cfRule type="expression" dxfId="31" priority="29" stopIfTrue="1">
      <formula>$H$34=""</formula>
    </cfRule>
  </conditionalFormatting>
  <conditionalFormatting sqref="O32">
    <cfRule type="expression" dxfId="28" priority="32" stopIfTrue="1">
      <formula>$O$32=""</formula>
    </cfRule>
  </conditionalFormatting>
  <conditionalFormatting sqref="O34">
    <cfRule type="expression" dxfId="27" priority="28" stopIfTrue="1">
      <formula>$O$34=""</formula>
    </cfRule>
  </conditionalFormatting>
  <conditionalFormatting sqref="V32">
    <cfRule type="expression" dxfId="26" priority="31" stopIfTrue="1">
      <formula>$V$32=""</formula>
    </cfRule>
  </conditionalFormatting>
  <conditionalFormatting sqref="V34">
    <cfRule type="expression" dxfId="25" priority="27" stopIfTrue="1">
      <formula>$V$34=""</formula>
    </cfRule>
  </conditionalFormatting>
  <conditionalFormatting sqref="AC32">
    <cfRule type="expression" dxfId="24" priority="30" stopIfTrue="1">
      <formula>$AC$32=""</formula>
    </cfRule>
  </conditionalFormatting>
  <conditionalFormatting sqref="AC34">
    <cfRule type="expression" dxfId="23" priority="26" stopIfTrue="1">
      <formula>$AC$34=""</formula>
    </cfRule>
  </conditionalFormatting>
  <conditionalFormatting sqref="AC38">
    <cfRule type="expression" dxfId="22" priority="6" stopIfTrue="1">
      <formula>$AC$38=""</formula>
    </cfRule>
  </conditionalFormatting>
  <conditionalFormatting sqref="AC37:AK37">
    <cfRule type="expression" dxfId="21" priority="23">
      <formula>$AC$37=""</formula>
    </cfRule>
  </conditionalFormatting>
  <conditionalFormatting sqref="AL37:AT37">
    <cfRule type="expression" dxfId="20" priority="22">
      <formula>$AL$37=""</formula>
    </cfRule>
  </conditionalFormatting>
  <conditionalFormatting sqref="AU37:BC37">
    <cfRule type="expression" dxfId="19" priority="21">
      <formula>$AU$37=""</formula>
    </cfRule>
  </conditionalFormatting>
  <conditionalFormatting sqref="BD37:BL37">
    <cfRule type="expression" dxfId="18" priority="20">
      <formula>$BD$37=""</formula>
    </cfRule>
  </conditionalFormatting>
  <conditionalFormatting sqref="BI38:CN38">
    <cfRule type="expression" dxfId="16" priority="5">
      <formula>$BI$38=""</formula>
    </cfRule>
  </conditionalFormatting>
  <conditionalFormatting sqref="BM37:BU37">
    <cfRule type="expression" dxfId="15" priority="19">
      <formula>$BM$37=""</formula>
    </cfRule>
  </conditionalFormatting>
  <conditionalFormatting sqref="BQ16:CN17">
    <cfRule type="expression" dxfId="14" priority="39">
      <formula>AND($X$18="■",$BQ$19="")</formula>
    </cfRule>
  </conditionalFormatting>
  <conditionalFormatting sqref="BT6:BX6">
    <cfRule type="expression" dxfId="13" priority="52">
      <formula>$BT$6=""</formula>
    </cfRule>
  </conditionalFormatting>
  <conditionalFormatting sqref="BV37:CD37">
    <cfRule type="expression" dxfId="12" priority="18">
      <formula>$BV$37=""</formula>
    </cfRule>
  </conditionalFormatting>
  <conditionalFormatting sqref="BW36">
    <cfRule type="expression" dxfId="11" priority="55" stopIfTrue="1">
      <formula>AND($BL$36="■",$BW$36="")</formula>
    </cfRule>
  </conditionalFormatting>
  <conditionalFormatting sqref="CA6:CE6">
    <cfRule type="expression" dxfId="10" priority="51">
      <formula>$CA$6=""</formula>
    </cfRule>
  </conditionalFormatting>
  <conditionalFormatting sqref="CE37:CN37">
    <cfRule type="expression" dxfId="9" priority="17">
      <formula>$CE$37=""</formula>
    </cfRule>
  </conditionalFormatting>
  <conditionalFormatting sqref="CH6:CL6">
    <cfRule type="expression" dxfId="8" priority="50">
      <formula>$CH$6=""</formula>
    </cfRule>
  </conditionalFormatting>
  <conditionalFormatting sqref="CR1:CR3">
    <cfRule type="notContainsBlanks" dxfId="7" priority="42">
      <formula>LEN(TRIM(CR1))&gt;0</formula>
    </cfRule>
  </conditionalFormatting>
  <conditionalFormatting sqref="CR6:CR14">
    <cfRule type="notContainsBlanks" dxfId="6" priority="1">
      <formula>LEN(TRIM(CR6))&gt;0</formula>
    </cfRule>
  </conditionalFormatting>
  <conditionalFormatting sqref="CR16:CR23">
    <cfRule type="notContainsBlanks" dxfId="5" priority="38">
      <formula>LEN(TRIM(CR16))&gt;0</formula>
    </cfRule>
  </conditionalFormatting>
  <conditionalFormatting sqref="CR25:CR26">
    <cfRule type="notContainsBlanks" dxfId="4" priority="37">
      <formula>LEN(TRIM(CR25))&gt;0</formula>
    </cfRule>
  </conditionalFormatting>
  <conditionalFormatting sqref="CR28:CR29">
    <cfRule type="notContainsBlanks" dxfId="3" priority="35">
      <formula>LEN(TRIM(CR28))&gt;0</formula>
    </cfRule>
  </conditionalFormatting>
  <conditionalFormatting sqref="CR32">
    <cfRule type="notContainsBlanks" dxfId="2" priority="16">
      <formula>LEN(TRIM(CR32))&gt;0</formula>
    </cfRule>
  </conditionalFormatting>
  <conditionalFormatting sqref="CR34">
    <cfRule type="notContainsBlanks" dxfId="1" priority="15">
      <formula>LEN(TRIM(CR34))&gt;0</formula>
    </cfRule>
  </conditionalFormatting>
  <conditionalFormatting sqref="CR36:CR1048576">
    <cfRule type="notContainsBlanks" dxfId="0" priority="4">
      <formula>LEN(TRIM(CR36))&gt;0</formula>
    </cfRule>
  </conditionalFormatting>
  <dataValidations count="12">
    <dataValidation type="textLength" imeMode="disabled" operator="equal" allowBlank="1" showInputMessage="1" showErrorMessage="1" error="西暦4桁で入力してください。" sqref="BT6:BX6" xr:uid="{D052E212-E62C-4897-8ADD-0D6E99C91B14}">
      <formula1>4</formula1>
    </dataValidation>
    <dataValidation type="whole" operator="lessThanOrEqual" allowBlank="1" showInputMessage="1" showErrorMessage="1" sqref="Y30:BO30" xr:uid="{93D300C5-2DA4-4E5D-823F-CB7D55EE77B4}">
      <formula1>2000000</formula1>
    </dataValidation>
    <dataValidation imeMode="hiragana" allowBlank="1" showInputMessage="1" showErrorMessage="1" sqref="L18:BE19 L21:CP22" xr:uid="{26345E87-1C49-4ABD-8FB4-6930AC6B8A66}"/>
    <dataValidation type="custom" imeMode="disabled" allowBlank="1" showInputMessage="1" showErrorMessage="1" sqref="CA6:CE6" xr:uid="{AA181B0F-9EDE-4538-BA46-F91180514F0A}">
      <formula1>OR(CA6=1,CA6=2,CA6=3,CA6=4,CA6=5,CA6=6,CA6=7,CA6=8,CA6=9,CA6=10,CA6=11,CA6=12)</formula1>
    </dataValidation>
    <dataValidation type="custom" imeMode="disabled" allowBlank="1" showInputMessage="1" showErrorMessage="1" error="日付をご確認ください。" sqref="CH6:CL6" xr:uid="{D7FD7FAF-0C79-4301-99E9-9E7F80016AD6}">
      <formula1>DATE(BT6,CA6,CH6)&lt;=EOMONTH(DATE(BT6,CA6,1), 0)</formula1>
    </dataValidation>
    <dataValidation type="textLength" imeMode="disabled" operator="equal" allowBlank="1" showInputMessage="1" showErrorMessage="1" error="入力された桁数が不正です。_x000a_4ケタで再度入力してください。" sqref="AB20:AK20" xr:uid="{63917F52-C665-4949-A6F0-748228202E03}">
      <formula1>4</formula1>
    </dataValidation>
    <dataValidation type="textLength" imeMode="disabled" operator="equal" allowBlank="1" showInputMessage="1" showErrorMessage="1" prompt="口座番号は右詰で記入し、空白欄には「0」を記入してください。" sqref="AC37 AL37 AU37 BD37 BM37 BV37 CE37" xr:uid="{91C3B0AB-AD7E-4741-B0C8-BFE421CC169B}">
      <formula1>1</formula1>
    </dataValidation>
    <dataValidation imeMode="fullKatakana" allowBlank="1" showInputMessage="1" showErrorMessage="1" sqref="AC38 BI38:CN38" xr:uid="{4333CC5B-A7D3-41DF-BEFA-F4E603CEB70E}"/>
    <dataValidation type="list" imeMode="disabled" allowBlank="1" showInputMessage="1" showErrorMessage="1" sqref="A36:C36 V36:X36 AQ36:AS36 BL36:BN36" xr:uid="{43E1334E-C694-457B-A123-7D5A5D572AB5}">
      <formula1>"□,■"</formula1>
    </dataValidation>
    <dataValidation type="textLength" imeMode="disabled" operator="equal" allowBlank="1" showInputMessage="1" showErrorMessage="1" sqref="A32:AB32 H34:AB34" xr:uid="{FEAD044B-5A6C-48DE-B248-6AB783BC7342}">
      <formula1>1</formula1>
    </dataValidation>
    <dataValidation imeMode="disabled" allowBlank="1" showInputMessage="1" showErrorMessage="1" sqref="A28:AQ28" xr:uid="{C134399B-037F-46DA-A892-1331A9D6FFB0}"/>
    <dataValidation type="textLength" imeMode="disabled" operator="equal" allowBlank="1" showInputMessage="1" showErrorMessage="1" error="入力された桁数が不正です。_x000a_6ケタで再度入力してください。" sqref="S25:V25" xr:uid="{FE9A87E7-F7A4-4022-BF5E-05169A2F9E90}">
      <formula1>6</formula1>
    </dataValidation>
  </dataValidations>
  <printOptions horizontalCentered="1"/>
  <pageMargins left="0.27559055118110237" right="0.27559055118110237" top="0.43307086614173229" bottom="0.19685039370078741" header="0.31496062992125984" footer="0.11811023622047245"/>
  <pageSetup paperSize="9" scale="74" fitToHeight="0"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8" id="{7284D93C-D0DE-4928-93BE-CCCC63CDD963}">
            <xm:f>実績報告書!$L$19=""</xm:f>
            <x14:dxf>
              <fill>
                <patternFill patternType="solid">
                  <bgColor theme="0" tint="-0.499984740745262"/>
                </patternFill>
              </fill>
            </x14:dxf>
          </x14:cfRule>
          <xm:sqref>L16:BE16</xm:sqref>
        </x14:conditionalFormatting>
        <x14:conditionalFormatting xmlns:xm="http://schemas.microsoft.com/office/excel/2006/main">
          <x14:cfRule type="expression" priority="7" id="{482CE1EA-C93F-4B73-8310-E12945F447F6}">
            <xm:f>実績報告書!$L$20=""</xm:f>
            <x14:dxf>
              <fill>
                <patternFill>
                  <bgColor theme="0" tint="-0.499984740745262"/>
                </patternFill>
              </fill>
            </x14:dxf>
          </x14:cfRule>
          <xm:sqref>L17:BE17</xm:sqref>
        </x14:conditionalFormatting>
        <x14:conditionalFormatting xmlns:xm="http://schemas.microsoft.com/office/excel/2006/main">
          <x14:cfRule type="expression" priority="3" id="{722AB15C-0FD7-49E9-8B1C-676F2F5CFB0E}">
            <xm:f>実績報告書!$X$18="■"</xm:f>
            <x14:dxf>
              <fill>
                <patternFill>
                  <bgColor theme="0" tint="-0.499984740745262"/>
                </patternFill>
              </fill>
            </x14:dxf>
          </x14:cfRule>
          <xm:sqref>BI38:CN38</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15B787A-8631-4389-96FD-8C6652DEFB4E}">
  <sheetPr codeName="Sheet7">
    <tabColor rgb="FFFF0000"/>
  </sheetPr>
  <dimension ref="A1:W1000"/>
  <sheetViews>
    <sheetView zoomScale="50" zoomScaleNormal="50" workbookViewId="0">
      <selection sqref="A1:XFD1"/>
    </sheetView>
  </sheetViews>
  <sheetFormatPr defaultRowHeight="12" x14ac:dyDescent="0.2"/>
  <cols>
    <col min="1" max="1" width="11.21875" style="154" bestFit="1" customWidth="1"/>
    <col min="2" max="2" width="33.5546875" style="154" bestFit="1" customWidth="1"/>
    <col min="3" max="3" width="63.109375" style="154" bestFit="1" customWidth="1"/>
    <col min="4" max="4" width="11.21875" style="154" bestFit="1" customWidth="1"/>
    <col min="5" max="5" width="24.109375" style="154" bestFit="1" customWidth="1"/>
    <col min="6" max="6" width="37.33203125" style="154" bestFit="1" customWidth="1"/>
    <col min="7" max="7" width="11.21875" style="154" bestFit="1" customWidth="1"/>
    <col min="8" max="8" width="25.21875" style="154" bestFit="1" customWidth="1"/>
    <col min="9" max="9" width="38.5546875" style="154" bestFit="1" customWidth="1"/>
    <col min="10" max="10" width="9.109375" style="154" bestFit="1" customWidth="1"/>
    <col min="11" max="11" width="20.33203125" style="154" customWidth="1"/>
    <col min="12" max="12" width="22" style="154" customWidth="1"/>
    <col min="13" max="13" width="11.77734375" style="154" bestFit="1" customWidth="1"/>
    <col min="14" max="14" width="9.5546875" style="154" bestFit="1" customWidth="1"/>
    <col min="15" max="15" width="32.88671875" style="154" customWidth="1"/>
    <col min="16" max="16" width="25.5546875" style="154" bestFit="1" customWidth="1"/>
    <col min="17" max="17" width="57.88671875" style="154" bestFit="1" customWidth="1"/>
    <col min="18" max="18" width="11.21875" style="154" bestFit="1" customWidth="1"/>
    <col min="19" max="19" width="24.44140625" style="154" bestFit="1" customWidth="1"/>
    <col min="20" max="20" width="74.88671875" style="154" bestFit="1" customWidth="1"/>
    <col min="21" max="21" width="11.77734375" style="154" bestFit="1" customWidth="1"/>
    <col min="22" max="22" width="32.6640625" style="154" bestFit="1" customWidth="1"/>
    <col min="23" max="23" width="78.88671875" style="154" bestFit="1" customWidth="1"/>
    <col min="24" max="16384" width="8.88671875" style="154"/>
  </cols>
  <sheetData>
    <row r="1" spans="1:23" ht="57.6" customHeight="1" x14ac:dyDescent="0.2">
      <c r="A1" s="1406" t="s">
        <v>1387</v>
      </c>
      <c r="B1" s="1406"/>
      <c r="C1" s="1406"/>
      <c r="D1" s="363"/>
      <c r="E1" s="363"/>
      <c r="F1" s="364"/>
      <c r="G1" s="364"/>
      <c r="H1" s="364"/>
      <c r="I1" s="364"/>
      <c r="J1" s="364"/>
      <c r="K1" s="364"/>
      <c r="L1" s="364"/>
      <c r="M1" s="364"/>
      <c r="N1" s="364"/>
      <c r="O1" s="364"/>
      <c r="P1" s="364"/>
    </row>
    <row r="2" spans="1:23" ht="16.8" customHeight="1" x14ac:dyDescent="0.2">
      <c r="A2" s="1411" t="s">
        <v>595</v>
      </c>
      <c r="B2" s="1411"/>
      <c r="C2" s="1411"/>
      <c r="D2" s="1412" t="s">
        <v>596</v>
      </c>
      <c r="E2" s="1412"/>
      <c r="F2" s="1412"/>
      <c r="G2" s="1413" t="s">
        <v>597</v>
      </c>
      <c r="H2" s="1413"/>
      <c r="I2" s="1413"/>
      <c r="J2" s="1413"/>
      <c r="K2" s="1414" t="s">
        <v>780</v>
      </c>
      <c r="L2" s="1407" t="s">
        <v>781</v>
      </c>
      <c r="M2" s="1408" t="s">
        <v>598</v>
      </c>
      <c r="N2" s="1408"/>
      <c r="O2" s="1408"/>
      <c r="P2" s="1408"/>
      <c r="Q2" s="1408"/>
      <c r="R2" s="1409" t="s">
        <v>599</v>
      </c>
      <c r="S2" s="1409"/>
      <c r="T2" s="1409"/>
      <c r="U2" s="1410" t="s">
        <v>600</v>
      </c>
      <c r="V2" s="1410"/>
      <c r="W2" s="1410"/>
    </row>
    <row r="3" spans="1:23" ht="18" customHeight="1" x14ac:dyDescent="0.2">
      <c r="A3" s="365" t="s">
        <v>174</v>
      </c>
      <c r="B3" s="365" t="s">
        <v>168</v>
      </c>
      <c r="C3" s="365" t="s">
        <v>169</v>
      </c>
      <c r="D3" s="365" t="s">
        <v>174</v>
      </c>
      <c r="E3" s="365" t="s">
        <v>168</v>
      </c>
      <c r="F3" s="365" t="s">
        <v>169</v>
      </c>
      <c r="G3" s="365" t="s">
        <v>174</v>
      </c>
      <c r="H3" s="365" t="s">
        <v>168</v>
      </c>
      <c r="I3" s="365" t="s">
        <v>169</v>
      </c>
      <c r="J3" s="365" t="s">
        <v>452</v>
      </c>
      <c r="K3" s="1414"/>
      <c r="L3" s="1407"/>
      <c r="M3" s="366" t="s">
        <v>174</v>
      </c>
      <c r="N3" s="366" t="s">
        <v>601</v>
      </c>
      <c r="O3" s="366" t="s">
        <v>115</v>
      </c>
      <c r="P3" s="366" t="s">
        <v>168</v>
      </c>
      <c r="Q3" s="366" t="s">
        <v>169</v>
      </c>
      <c r="R3" s="365" t="s">
        <v>174</v>
      </c>
      <c r="S3" s="365" t="s">
        <v>168</v>
      </c>
      <c r="T3" s="365" t="s">
        <v>169</v>
      </c>
      <c r="U3" s="366" t="s">
        <v>174</v>
      </c>
      <c r="V3" s="366" t="s">
        <v>168</v>
      </c>
      <c r="W3" s="366" t="s">
        <v>169</v>
      </c>
    </row>
    <row r="4" spans="1:23" ht="13.2" x14ac:dyDescent="0.2">
      <c r="A4" s="154" t="s">
        <v>884</v>
      </c>
      <c r="B4" s="154" t="s">
        <v>171</v>
      </c>
      <c r="C4" s="154" t="s">
        <v>288</v>
      </c>
      <c r="D4" s="154" t="s">
        <v>1366</v>
      </c>
      <c r="E4" s="154" t="s">
        <v>422</v>
      </c>
      <c r="F4" s="154" t="s">
        <v>882</v>
      </c>
      <c r="G4" s="154" t="s">
        <v>1367</v>
      </c>
      <c r="H4" s="154" t="s">
        <v>302</v>
      </c>
      <c r="I4" s="154" t="s">
        <v>603</v>
      </c>
      <c r="J4" s="154">
        <v>2.1000000000000001E-2</v>
      </c>
      <c r="K4" s="157" t="str">
        <f>M4&amp;O4</f>
        <v>JW011501A外窓交換（防火・防風・防犯仕様）</v>
      </c>
      <c r="L4" s="162" t="str">
        <f>M4&amp;O4&amp;(IF(M4&lt;&gt;"", RIGHT(M4,1),""))</f>
        <v>JW011501A外窓交換（防火・防風・防犯仕様）A</v>
      </c>
      <c r="M4" t="s">
        <v>1349</v>
      </c>
      <c r="N4" t="s">
        <v>602</v>
      </c>
      <c r="O4" t="s">
        <v>663</v>
      </c>
      <c r="P4" t="s">
        <v>170</v>
      </c>
      <c r="Q4" t="s">
        <v>664</v>
      </c>
      <c r="R4" s="154" t="s">
        <v>1280</v>
      </c>
      <c r="S4" s="154" t="s">
        <v>170</v>
      </c>
      <c r="T4" s="154" t="s">
        <v>454</v>
      </c>
      <c r="U4" t="s">
        <v>1281</v>
      </c>
      <c r="V4" t="s">
        <v>422</v>
      </c>
      <c r="W4" t="s">
        <v>553</v>
      </c>
    </row>
    <row r="5" spans="1:23" ht="13.2" x14ac:dyDescent="0.2">
      <c r="A5" s="154" t="s">
        <v>886</v>
      </c>
      <c r="B5" s="154" t="s">
        <v>171</v>
      </c>
      <c r="C5" s="154" t="s">
        <v>289</v>
      </c>
      <c r="D5" s="154" t="s">
        <v>1368</v>
      </c>
      <c r="E5" s="154" t="s">
        <v>422</v>
      </c>
      <c r="F5" s="154" t="s">
        <v>883</v>
      </c>
      <c r="G5" s="154" t="s">
        <v>604</v>
      </c>
      <c r="H5" s="154" t="s">
        <v>302</v>
      </c>
      <c r="I5" s="154" t="s">
        <v>605</v>
      </c>
      <c r="J5" s="154">
        <v>2.1000000000000001E-2</v>
      </c>
      <c r="K5" s="157" t="str">
        <f t="shared" ref="K5:K68" si="0">M5&amp;O5</f>
        <v>JW011502A外窓交換（防火・防風・防犯仕様）</v>
      </c>
      <c r="L5" s="162" t="str">
        <f t="shared" ref="L5:L68" si="1">M5&amp;O5&amp;(IF(M5&lt;&gt;"", RIGHT(M5,1),""))</f>
        <v>JW011502A外窓交換（防火・防風・防犯仕様）A</v>
      </c>
      <c r="M5" t="s">
        <v>893</v>
      </c>
      <c r="N5" t="s">
        <v>602</v>
      </c>
      <c r="O5" t="s">
        <v>663</v>
      </c>
      <c r="P5" t="s">
        <v>170</v>
      </c>
      <c r="Q5" t="s">
        <v>665</v>
      </c>
      <c r="R5" s="154" t="s">
        <v>888</v>
      </c>
      <c r="S5" s="154" t="s">
        <v>170</v>
      </c>
      <c r="T5" s="154" t="s">
        <v>455</v>
      </c>
      <c r="U5" t="s">
        <v>554</v>
      </c>
      <c r="V5" t="s">
        <v>422</v>
      </c>
      <c r="W5" t="s">
        <v>555</v>
      </c>
    </row>
    <row r="6" spans="1:23" ht="13.2" x14ac:dyDescent="0.2">
      <c r="A6" s="154" t="s">
        <v>889</v>
      </c>
      <c r="B6" s="154" t="s">
        <v>290</v>
      </c>
      <c r="C6" s="154" t="s">
        <v>291</v>
      </c>
      <c r="D6" s="154" t="s">
        <v>885</v>
      </c>
      <c r="E6" s="154" t="s">
        <v>423</v>
      </c>
      <c r="F6" s="154" t="s">
        <v>424</v>
      </c>
      <c r="G6" s="154" t="s">
        <v>606</v>
      </c>
      <c r="H6" s="154" t="s">
        <v>302</v>
      </c>
      <c r="I6" s="154" t="s">
        <v>607</v>
      </c>
      <c r="J6" s="154">
        <v>2.1000000000000001E-2</v>
      </c>
      <c r="K6" s="157" t="str">
        <f t="shared" si="0"/>
        <v>JW011503A外窓交換（防火・防風・防犯仕様）</v>
      </c>
      <c r="L6" s="162" t="str">
        <f t="shared" si="1"/>
        <v>JW011503A外窓交換（防火・防風・防犯仕様）A</v>
      </c>
      <c r="M6" t="s">
        <v>740</v>
      </c>
      <c r="N6" t="s">
        <v>602</v>
      </c>
      <c r="O6" t="s">
        <v>663</v>
      </c>
      <c r="P6" t="s">
        <v>170</v>
      </c>
      <c r="Q6" t="s">
        <v>666</v>
      </c>
      <c r="R6" s="154" t="s">
        <v>890</v>
      </c>
      <c r="S6" s="154" t="s">
        <v>170</v>
      </c>
      <c r="T6" s="154" t="s">
        <v>456</v>
      </c>
      <c r="U6" t="s">
        <v>556</v>
      </c>
      <c r="V6" t="s">
        <v>422</v>
      </c>
      <c r="W6" t="s">
        <v>557</v>
      </c>
    </row>
    <row r="7" spans="1:23" ht="13.2" x14ac:dyDescent="0.2">
      <c r="A7" s="154" t="s">
        <v>175</v>
      </c>
      <c r="B7" s="154" t="s">
        <v>290</v>
      </c>
      <c r="C7" s="154" t="s">
        <v>292</v>
      </c>
      <c r="D7" s="154" t="s">
        <v>887</v>
      </c>
      <c r="E7" s="154" t="s">
        <v>423</v>
      </c>
      <c r="F7" s="154" t="s">
        <v>425</v>
      </c>
      <c r="G7" s="154" t="s">
        <v>608</v>
      </c>
      <c r="H7" s="154" t="s">
        <v>302</v>
      </c>
      <c r="I7" s="154" t="s">
        <v>609</v>
      </c>
      <c r="J7" s="154">
        <v>2.1000000000000001E-2</v>
      </c>
      <c r="K7" s="157" t="str">
        <f t="shared" si="0"/>
        <v>JW011504A外窓交換（防火・防風・防犯仕様）</v>
      </c>
      <c r="L7" s="162" t="str">
        <f t="shared" si="1"/>
        <v>JW011504A外窓交換（防火・防風・防犯仕様）A</v>
      </c>
      <c r="M7" t="s">
        <v>741</v>
      </c>
      <c r="N7" t="s">
        <v>602</v>
      </c>
      <c r="O7" t="s">
        <v>663</v>
      </c>
      <c r="P7" t="s">
        <v>170</v>
      </c>
      <c r="Q7" t="s">
        <v>667</v>
      </c>
      <c r="R7" s="154" t="s">
        <v>457</v>
      </c>
      <c r="S7" s="154" t="s">
        <v>171</v>
      </c>
      <c r="T7" s="154" t="s">
        <v>458</v>
      </c>
      <c r="U7" t="s">
        <v>558</v>
      </c>
      <c r="V7" t="s">
        <v>422</v>
      </c>
      <c r="W7" t="s">
        <v>559</v>
      </c>
    </row>
    <row r="8" spans="1:23" ht="13.2" x14ac:dyDescent="0.2">
      <c r="A8" s="154" t="s">
        <v>176</v>
      </c>
      <c r="B8" s="154" t="s">
        <v>290</v>
      </c>
      <c r="C8" s="154" t="s">
        <v>293</v>
      </c>
      <c r="D8" s="154" t="s">
        <v>1369</v>
      </c>
      <c r="E8" s="154" t="s">
        <v>423</v>
      </c>
      <c r="F8" s="154" t="s">
        <v>426</v>
      </c>
      <c r="G8" s="154" t="s">
        <v>610</v>
      </c>
      <c r="H8" s="154" t="s">
        <v>302</v>
      </c>
      <c r="I8" s="154" t="s">
        <v>611</v>
      </c>
      <c r="J8" s="154">
        <v>1.7999999999999999E-2</v>
      </c>
      <c r="K8" s="157" t="str">
        <f t="shared" si="0"/>
        <v>JW011505A外窓交換（防火・防風・防犯仕様）</v>
      </c>
      <c r="L8" s="162" t="str">
        <f t="shared" si="1"/>
        <v>JW011505A外窓交換（防火・防風・防犯仕様）A</v>
      </c>
      <c r="M8" t="s">
        <v>742</v>
      </c>
      <c r="N8" t="s">
        <v>602</v>
      </c>
      <c r="O8" t="s">
        <v>663</v>
      </c>
      <c r="P8" t="s">
        <v>170</v>
      </c>
      <c r="Q8" t="s">
        <v>668</v>
      </c>
      <c r="R8" s="154" t="s">
        <v>459</v>
      </c>
      <c r="S8" s="154" t="s">
        <v>171</v>
      </c>
      <c r="T8" s="154" t="s">
        <v>460</v>
      </c>
      <c r="U8" t="s">
        <v>892</v>
      </c>
      <c r="V8" t="s">
        <v>422</v>
      </c>
      <c r="W8" t="s">
        <v>661</v>
      </c>
    </row>
    <row r="9" spans="1:23" ht="13.2" x14ac:dyDescent="0.2">
      <c r="A9" s="154" t="s">
        <v>177</v>
      </c>
      <c r="B9" s="154" t="s">
        <v>290</v>
      </c>
      <c r="C9" s="154" t="s">
        <v>294</v>
      </c>
      <c r="D9" s="154" t="s">
        <v>891</v>
      </c>
      <c r="E9" s="154" t="s">
        <v>427</v>
      </c>
      <c r="F9" s="154" t="s">
        <v>428</v>
      </c>
      <c r="G9" s="154" t="s">
        <v>612</v>
      </c>
      <c r="H9" s="154" t="s">
        <v>290</v>
      </c>
      <c r="I9" s="154" t="s">
        <v>613</v>
      </c>
      <c r="J9" s="154">
        <v>0.02</v>
      </c>
      <c r="K9" s="157" t="str">
        <f t="shared" si="0"/>
        <v>JW011506A外窓交換（防火・防風・防犯仕様）</v>
      </c>
      <c r="L9" s="162" t="str">
        <f t="shared" si="1"/>
        <v>JW011506A外窓交換（防火・防風・防犯仕様）A</v>
      </c>
      <c r="M9" t="s">
        <v>743</v>
      </c>
      <c r="N9" t="s">
        <v>602</v>
      </c>
      <c r="O9" t="s">
        <v>663</v>
      </c>
      <c r="P9" t="s">
        <v>170</v>
      </c>
      <c r="Q9" t="s">
        <v>669</v>
      </c>
      <c r="R9" s="154" t="s">
        <v>461</v>
      </c>
      <c r="S9" s="154" t="s">
        <v>171</v>
      </c>
      <c r="T9" s="154" t="s">
        <v>462</v>
      </c>
      <c r="U9" t="s">
        <v>662</v>
      </c>
      <c r="V9" t="s">
        <v>422</v>
      </c>
      <c r="W9" t="s">
        <v>560</v>
      </c>
    </row>
    <row r="10" spans="1:23" ht="13.2" x14ac:dyDescent="0.2">
      <c r="A10" s="154" t="s">
        <v>178</v>
      </c>
      <c r="B10" s="154" t="s">
        <v>290</v>
      </c>
      <c r="C10" s="154" t="s">
        <v>295</v>
      </c>
      <c r="D10" s="154" t="s">
        <v>405</v>
      </c>
      <c r="E10" s="154" t="s">
        <v>427</v>
      </c>
      <c r="F10" s="154" t="s">
        <v>429</v>
      </c>
      <c r="G10" s="154" t="s">
        <v>614</v>
      </c>
      <c r="H10" s="154" t="s">
        <v>290</v>
      </c>
      <c r="I10" s="154" t="s">
        <v>615</v>
      </c>
      <c r="J10" s="154">
        <v>1.7999999999999999E-2</v>
      </c>
      <c r="K10" s="157" t="str">
        <f t="shared" si="0"/>
        <v>JW011601A外窓交換（防火・防風・防犯仕様）</v>
      </c>
      <c r="L10" s="162" t="str">
        <f t="shared" si="1"/>
        <v>JW011601A外窓交換（防火・防風・防犯仕様）A</v>
      </c>
      <c r="M10" t="s">
        <v>744</v>
      </c>
      <c r="N10" t="s">
        <v>602</v>
      </c>
      <c r="O10" t="s">
        <v>663</v>
      </c>
      <c r="P10" t="s">
        <v>170</v>
      </c>
      <c r="Q10" t="s">
        <v>670</v>
      </c>
      <c r="R10" s="154" t="s">
        <v>463</v>
      </c>
      <c r="S10" s="154" t="s">
        <v>171</v>
      </c>
      <c r="T10" s="154" t="s">
        <v>464</v>
      </c>
      <c r="U10" t="s">
        <v>1282</v>
      </c>
      <c r="V10" t="s">
        <v>422</v>
      </c>
      <c r="W10" t="s">
        <v>561</v>
      </c>
    </row>
    <row r="11" spans="1:23" ht="13.2" x14ac:dyDescent="0.2">
      <c r="A11" s="154" t="s">
        <v>179</v>
      </c>
      <c r="B11" s="154" t="s">
        <v>290</v>
      </c>
      <c r="C11" s="154" t="s">
        <v>296</v>
      </c>
      <c r="D11" s="154" t="s">
        <v>406</v>
      </c>
      <c r="E11" s="154" t="s">
        <v>427</v>
      </c>
      <c r="F11" s="154" t="s">
        <v>430</v>
      </c>
      <c r="G11" s="154" t="s">
        <v>1370</v>
      </c>
      <c r="H11" s="154" t="s">
        <v>617</v>
      </c>
      <c r="I11" s="154" t="s">
        <v>618</v>
      </c>
      <c r="J11" s="154">
        <v>2.1000000000000001E-2</v>
      </c>
      <c r="K11" s="157" t="str">
        <f t="shared" si="0"/>
        <v>JW012005S外窓交換</v>
      </c>
      <c r="L11" s="162" t="str">
        <f t="shared" si="1"/>
        <v>JW012005S外窓交換S</v>
      </c>
      <c r="M11" t="s">
        <v>783</v>
      </c>
      <c r="N11" t="s">
        <v>671</v>
      </c>
      <c r="O11" t="s">
        <v>672</v>
      </c>
      <c r="P11" t="s">
        <v>170</v>
      </c>
      <c r="Q11" t="s">
        <v>784</v>
      </c>
      <c r="R11" s="154" t="s">
        <v>465</v>
      </c>
      <c r="S11" s="154" t="s">
        <v>171</v>
      </c>
      <c r="T11" s="154" t="s">
        <v>466</v>
      </c>
      <c r="U11" t="s">
        <v>562</v>
      </c>
      <c r="V11" t="s">
        <v>422</v>
      </c>
      <c r="W11" t="s">
        <v>563</v>
      </c>
    </row>
    <row r="12" spans="1:23" ht="13.2" x14ac:dyDescent="0.2">
      <c r="A12" s="154" t="s">
        <v>180</v>
      </c>
      <c r="B12" s="154" t="s">
        <v>290</v>
      </c>
      <c r="C12" s="154" t="s">
        <v>297</v>
      </c>
      <c r="D12" s="154" t="s">
        <v>407</v>
      </c>
      <c r="E12" s="154" t="s">
        <v>427</v>
      </c>
      <c r="F12" s="154" t="s">
        <v>431</v>
      </c>
      <c r="G12" s="154" t="s">
        <v>619</v>
      </c>
      <c r="H12" s="154" t="s">
        <v>347</v>
      </c>
      <c r="I12" s="154" t="s">
        <v>620</v>
      </c>
      <c r="J12" s="154">
        <v>2.1999999999999999E-2</v>
      </c>
      <c r="K12" s="157" t="str">
        <f t="shared" si="0"/>
        <v>JW012006S外窓交換</v>
      </c>
      <c r="L12" s="162" t="str">
        <f t="shared" si="1"/>
        <v>JW012006S外窓交換S</v>
      </c>
      <c r="M12" t="s">
        <v>785</v>
      </c>
      <c r="N12" t="s">
        <v>671</v>
      </c>
      <c r="O12" t="s">
        <v>672</v>
      </c>
      <c r="P12" t="s">
        <v>170</v>
      </c>
      <c r="Q12" t="s">
        <v>786</v>
      </c>
      <c r="R12" s="154" t="s">
        <v>616</v>
      </c>
      <c r="S12" s="154" t="s">
        <v>171</v>
      </c>
      <c r="T12" s="154" t="s">
        <v>467</v>
      </c>
      <c r="U12" t="s">
        <v>564</v>
      </c>
      <c r="V12" t="s">
        <v>565</v>
      </c>
      <c r="W12" t="s">
        <v>566</v>
      </c>
    </row>
    <row r="13" spans="1:23" ht="13.2" x14ac:dyDescent="0.2">
      <c r="A13" s="154" t="s">
        <v>181</v>
      </c>
      <c r="B13" s="154" t="s">
        <v>290</v>
      </c>
      <c r="C13" s="154" t="s">
        <v>298</v>
      </c>
      <c r="D13" s="154" t="s">
        <v>1371</v>
      </c>
      <c r="E13" s="154" t="s">
        <v>427</v>
      </c>
      <c r="F13" s="154" t="s">
        <v>432</v>
      </c>
      <c r="G13" s="154" t="s">
        <v>1372</v>
      </c>
      <c r="H13" s="154" t="s">
        <v>311</v>
      </c>
      <c r="I13" s="154" t="s">
        <v>621</v>
      </c>
      <c r="J13" s="154">
        <v>2.1999999999999999E-2</v>
      </c>
      <c r="K13" s="157" t="str">
        <f t="shared" si="0"/>
        <v>JW012007S外窓交換</v>
      </c>
      <c r="L13" s="162" t="str">
        <f t="shared" si="1"/>
        <v>JW012007S外窓交換S</v>
      </c>
      <c r="M13" t="s">
        <v>895</v>
      </c>
      <c r="N13" t="s">
        <v>671</v>
      </c>
      <c r="O13" t="s">
        <v>672</v>
      </c>
      <c r="P13" t="s">
        <v>170</v>
      </c>
      <c r="Q13" t="s">
        <v>787</v>
      </c>
      <c r="R13" s="154" t="s">
        <v>468</v>
      </c>
      <c r="S13" s="154" t="s">
        <v>171</v>
      </c>
      <c r="T13" s="154" t="s">
        <v>469</v>
      </c>
      <c r="U13" t="s">
        <v>567</v>
      </c>
      <c r="V13" t="s">
        <v>565</v>
      </c>
      <c r="W13" t="s">
        <v>566</v>
      </c>
    </row>
    <row r="14" spans="1:23" ht="13.2" x14ac:dyDescent="0.2">
      <c r="A14" s="154" t="s">
        <v>182</v>
      </c>
      <c r="B14" s="154" t="s">
        <v>290</v>
      </c>
      <c r="C14" s="154" t="s">
        <v>299</v>
      </c>
      <c r="D14" s="154" t="s">
        <v>1373</v>
      </c>
      <c r="E14" s="154" t="s">
        <v>427</v>
      </c>
      <c r="F14" s="154" t="s">
        <v>1374</v>
      </c>
      <c r="G14" s="154" t="s">
        <v>622</v>
      </c>
      <c r="H14" s="154" t="s">
        <v>402</v>
      </c>
      <c r="I14" s="154" t="s">
        <v>623</v>
      </c>
      <c r="J14" s="154">
        <v>1.9E-2</v>
      </c>
      <c r="K14" s="157" t="str">
        <f t="shared" si="0"/>
        <v>JW012008S外窓交換</v>
      </c>
      <c r="L14" s="162" t="str">
        <f t="shared" si="1"/>
        <v>JW012008S外窓交換S</v>
      </c>
      <c r="M14" t="s">
        <v>788</v>
      </c>
      <c r="N14" t="s">
        <v>671</v>
      </c>
      <c r="O14" t="s">
        <v>672</v>
      </c>
      <c r="P14" t="s">
        <v>170</v>
      </c>
      <c r="Q14" t="s">
        <v>789</v>
      </c>
      <c r="R14" s="154" t="s">
        <v>894</v>
      </c>
      <c r="S14" s="154" t="s">
        <v>171</v>
      </c>
      <c r="T14" s="154" t="s">
        <v>470</v>
      </c>
      <c r="U14" t="s">
        <v>568</v>
      </c>
      <c r="V14" t="s">
        <v>565</v>
      </c>
      <c r="W14" t="s">
        <v>569</v>
      </c>
    </row>
    <row r="15" spans="1:23" ht="13.2" x14ac:dyDescent="0.2">
      <c r="A15" s="154" t="s">
        <v>183</v>
      </c>
      <c r="B15" s="154" t="s">
        <v>300</v>
      </c>
      <c r="C15" s="154" t="s">
        <v>301</v>
      </c>
      <c r="D15" s="154" t="s">
        <v>1375</v>
      </c>
      <c r="E15" s="154" t="s">
        <v>427</v>
      </c>
      <c r="F15" s="154" t="s">
        <v>1376</v>
      </c>
      <c r="G15" s="154" t="s">
        <v>624</v>
      </c>
      <c r="H15" s="154" t="s">
        <v>402</v>
      </c>
      <c r="I15" s="154" t="s">
        <v>625</v>
      </c>
      <c r="J15" s="154">
        <v>1.9E-2</v>
      </c>
      <c r="K15" s="157" t="str">
        <f t="shared" si="0"/>
        <v>JW012009S外窓交換</v>
      </c>
      <c r="L15" s="162" t="str">
        <f t="shared" si="1"/>
        <v>JW012009S外窓交換S</v>
      </c>
      <c r="M15" t="s">
        <v>790</v>
      </c>
      <c r="N15" t="s">
        <v>671</v>
      </c>
      <c r="O15" t="s">
        <v>672</v>
      </c>
      <c r="P15" t="s">
        <v>170</v>
      </c>
      <c r="Q15" t="s">
        <v>791</v>
      </c>
      <c r="R15" s="154" t="s">
        <v>471</v>
      </c>
      <c r="S15" s="154" t="s">
        <v>171</v>
      </c>
      <c r="T15" s="154" t="s">
        <v>472</v>
      </c>
      <c r="U15" t="s">
        <v>570</v>
      </c>
      <c r="V15" t="s">
        <v>565</v>
      </c>
      <c r="W15" t="s">
        <v>571</v>
      </c>
    </row>
    <row r="16" spans="1:23" ht="13.2" x14ac:dyDescent="0.2">
      <c r="A16" s="154" t="s">
        <v>184</v>
      </c>
      <c r="B16" s="154" t="s">
        <v>302</v>
      </c>
      <c r="C16" s="154" t="s">
        <v>303</v>
      </c>
      <c r="D16" s="154" t="s">
        <v>1377</v>
      </c>
      <c r="E16" s="154" t="s">
        <v>427</v>
      </c>
      <c r="F16" s="154" t="s">
        <v>1378</v>
      </c>
      <c r="G16" s="154" t="s">
        <v>626</v>
      </c>
      <c r="H16" s="154" t="s">
        <v>402</v>
      </c>
      <c r="I16" s="154" t="s">
        <v>627</v>
      </c>
      <c r="J16" s="154">
        <v>1.9E-2</v>
      </c>
      <c r="K16" s="157" t="str">
        <f t="shared" si="0"/>
        <v>JW012010S外窓交換</v>
      </c>
      <c r="L16" s="162" t="str">
        <f t="shared" si="1"/>
        <v>JW012010S外窓交換S</v>
      </c>
      <c r="M16" t="s">
        <v>898</v>
      </c>
      <c r="N16" t="s">
        <v>671</v>
      </c>
      <c r="O16" t="s">
        <v>672</v>
      </c>
      <c r="P16" t="s">
        <v>170</v>
      </c>
      <c r="Q16" t="s">
        <v>792</v>
      </c>
      <c r="R16" s="154" t="s">
        <v>473</v>
      </c>
      <c r="S16" s="154" t="s">
        <v>171</v>
      </c>
      <c r="T16" s="154" t="s">
        <v>474</v>
      </c>
      <c r="U16" t="s">
        <v>572</v>
      </c>
      <c r="V16" t="s">
        <v>565</v>
      </c>
      <c r="W16" t="s">
        <v>571</v>
      </c>
    </row>
    <row r="17" spans="1:23" ht="13.2" x14ac:dyDescent="0.2">
      <c r="A17" s="154" t="s">
        <v>185</v>
      </c>
      <c r="B17" s="154" t="s">
        <v>304</v>
      </c>
      <c r="C17" s="154" t="s">
        <v>305</v>
      </c>
      <c r="D17" s="154" t="s">
        <v>408</v>
      </c>
      <c r="E17" s="154" t="s">
        <v>427</v>
      </c>
      <c r="F17" s="154" t="s">
        <v>433</v>
      </c>
      <c r="G17" s="154" t="s">
        <v>1379</v>
      </c>
      <c r="H17" s="154" t="s">
        <v>171</v>
      </c>
      <c r="I17" s="154" t="s">
        <v>628</v>
      </c>
      <c r="J17" s="154">
        <v>1.9E-2</v>
      </c>
      <c r="K17" s="157" t="str">
        <f t="shared" si="0"/>
        <v>JW012011S外窓交換</v>
      </c>
      <c r="L17" s="162" t="str">
        <f t="shared" si="1"/>
        <v>JW012011S外窓交換S</v>
      </c>
      <c r="M17" t="s">
        <v>793</v>
      </c>
      <c r="N17" t="s">
        <v>671</v>
      </c>
      <c r="O17" t="s">
        <v>672</v>
      </c>
      <c r="P17" t="s">
        <v>170</v>
      </c>
      <c r="Q17" t="s">
        <v>794</v>
      </c>
      <c r="R17" s="154" t="s">
        <v>475</v>
      </c>
      <c r="S17" s="154" t="s">
        <v>171</v>
      </c>
      <c r="T17" s="154" t="s">
        <v>476</v>
      </c>
      <c r="U17" t="s">
        <v>573</v>
      </c>
      <c r="V17" t="s">
        <v>171</v>
      </c>
      <c r="W17" t="s">
        <v>574</v>
      </c>
    </row>
    <row r="18" spans="1:23" ht="13.2" x14ac:dyDescent="0.2">
      <c r="A18" s="154" t="s">
        <v>186</v>
      </c>
      <c r="B18" s="154" t="s">
        <v>304</v>
      </c>
      <c r="C18" s="154" t="s">
        <v>306</v>
      </c>
      <c r="D18" s="154" t="s">
        <v>409</v>
      </c>
      <c r="E18" s="154" t="s">
        <v>427</v>
      </c>
      <c r="F18" s="154" t="s">
        <v>434</v>
      </c>
      <c r="G18" s="154" t="s">
        <v>629</v>
      </c>
      <c r="H18" s="154" t="s">
        <v>318</v>
      </c>
      <c r="I18" s="154" t="s">
        <v>630</v>
      </c>
      <c r="J18" s="154">
        <v>2.1999999999999999E-2</v>
      </c>
      <c r="K18" s="157" t="str">
        <f t="shared" si="0"/>
        <v>JW012012S外窓交換</v>
      </c>
      <c r="L18" s="162" t="str">
        <f t="shared" si="1"/>
        <v>JW012012S外窓交換S</v>
      </c>
      <c r="M18" t="s">
        <v>795</v>
      </c>
      <c r="N18" t="s">
        <v>671</v>
      </c>
      <c r="O18" t="s">
        <v>672</v>
      </c>
      <c r="P18" t="s">
        <v>170</v>
      </c>
      <c r="Q18" t="s">
        <v>796</v>
      </c>
      <c r="R18" s="154" t="s">
        <v>477</v>
      </c>
      <c r="S18" s="154" t="s">
        <v>171</v>
      </c>
      <c r="T18" s="154" t="s">
        <v>1249</v>
      </c>
      <c r="U18" t="s">
        <v>1283</v>
      </c>
      <c r="V18" t="s">
        <v>575</v>
      </c>
      <c r="W18" t="s">
        <v>576</v>
      </c>
    </row>
    <row r="19" spans="1:23" ht="13.2" x14ac:dyDescent="0.2">
      <c r="A19" s="154" t="s">
        <v>673</v>
      </c>
      <c r="B19" s="154" t="s">
        <v>304</v>
      </c>
      <c r="C19" s="154" t="s">
        <v>307</v>
      </c>
      <c r="D19" s="154" t="s">
        <v>410</v>
      </c>
      <c r="E19" s="154" t="s">
        <v>427</v>
      </c>
      <c r="F19" s="154" t="s">
        <v>435</v>
      </c>
      <c r="G19" s="154" t="s">
        <v>631</v>
      </c>
      <c r="H19" s="154" t="s">
        <v>632</v>
      </c>
      <c r="I19" s="154" t="s">
        <v>633</v>
      </c>
      <c r="J19" s="154">
        <v>0.02</v>
      </c>
      <c r="K19" s="157" t="str">
        <f t="shared" si="0"/>
        <v>JW013001A外窓交換（防火・防風・防犯仕様）</v>
      </c>
      <c r="L19" s="162" t="str">
        <f t="shared" si="1"/>
        <v>JW013001A外窓交換（防火・防風・防犯仕様）A</v>
      </c>
      <c r="M19" t="s">
        <v>1000</v>
      </c>
      <c r="N19" t="s">
        <v>602</v>
      </c>
      <c r="O19" t="s">
        <v>663</v>
      </c>
      <c r="P19" t="s">
        <v>170</v>
      </c>
      <c r="Q19" t="s">
        <v>1001</v>
      </c>
      <c r="R19" s="154" t="s">
        <v>478</v>
      </c>
      <c r="S19" s="154" t="s">
        <v>171</v>
      </c>
      <c r="T19" s="154" t="s">
        <v>479</v>
      </c>
      <c r="U19" t="s">
        <v>1284</v>
      </c>
      <c r="V19" t="s">
        <v>577</v>
      </c>
      <c r="W19" t="s">
        <v>1190</v>
      </c>
    </row>
    <row r="20" spans="1:23" ht="13.2" x14ac:dyDescent="0.2">
      <c r="A20" s="154" t="s">
        <v>187</v>
      </c>
      <c r="B20" s="154" t="s">
        <v>304</v>
      </c>
      <c r="C20" s="154" t="s">
        <v>308</v>
      </c>
      <c r="D20" s="154" t="s">
        <v>411</v>
      </c>
      <c r="E20" s="154" t="s">
        <v>436</v>
      </c>
      <c r="F20" s="154" t="s">
        <v>437</v>
      </c>
      <c r="G20" s="154" t="s">
        <v>634</v>
      </c>
      <c r="H20" s="154" t="s">
        <v>632</v>
      </c>
      <c r="I20" s="154" t="s">
        <v>635</v>
      </c>
      <c r="J20" s="154">
        <v>0.02</v>
      </c>
      <c r="K20" s="157" t="str">
        <f t="shared" si="0"/>
        <v>JW013002A外窓交換（防火・防風・防犯仕様）</v>
      </c>
      <c r="L20" s="162" t="str">
        <f t="shared" si="1"/>
        <v>JW013002A外窓交換（防火・防風・防犯仕様）A</v>
      </c>
      <c r="M20" t="s">
        <v>1002</v>
      </c>
      <c r="N20" t="s">
        <v>602</v>
      </c>
      <c r="O20" t="s">
        <v>663</v>
      </c>
      <c r="P20" t="s">
        <v>170</v>
      </c>
      <c r="Q20" t="s">
        <v>1003</v>
      </c>
      <c r="R20" s="154" t="s">
        <v>480</v>
      </c>
      <c r="S20" s="154" t="s">
        <v>171</v>
      </c>
      <c r="T20" s="154" t="s">
        <v>481</v>
      </c>
      <c r="U20" t="s">
        <v>578</v>
      </c>
      <c r="V20" t="s">
        <v>579</v>
      </c>
      <c r="W20" t="s">
        <v>580</v>
      </c>
    </row>
    <row r="21" spans="1:23" ht="13.2" x14ac:dyDescent="0.2">
      <c r="A21" s="154" t="s">
        <v>188</v>
      </c>
      <c r="B21" s="154" t="s">
        <v>304</v>
      </c>
      <c r="C21" s="154" t="s">
        <v>309</v>
      </c>
      <c r="D21" s="154" t="s">
        <v>412</v>
      </c>
      <c r="E21" s="154" t="s">
        <v>436</v>
      </c>
      <c r="F21" s="154" t="s">
        <v>438</v>
      </c>
      <c r="G21" s="154" t="s">
        <v>636</v>
      </c>
      <c r="H21" s="154" t="s">
        <v>632</v>
      </c>
      <c r="I21" s="154" t="s">
        <v>637</v>
      </c>
      <c r="J21" s="154">
        <v>0.02</v>
      </c>
      <c r="K21" s="157" t="str">
        <f t="shared" si="0"/>
        <v>JW013003A外窓交換（防火・防風・防犯仕様）</v>
      </c>
      <c r="L21" s="162" t="str">
        <f t="shared" si="1"/>
        <v>JW013003A外窓交換（防火・防風・防犯仕様）A</v>
      </c>
      <c r="M21" t="s">
        <v>1350</v>
      </c>
      <c r="N21" t="s">
        <v>602</v>
      </c>
      <c r="O21" t="s">
        <v>663</v>
      </c>
      <c r="P21" t="s">
        <v>170</v>
      </c>
      <c r="Q21" t="s">
        <v>1004</v>
      </c>
      <c r="R21" s="154" t="s">
        <v>482</v>
      </c>
      <c r="S21" s="154" t="s">
        <v>171</v>
      </c>
      <c r="T21" s="154" t="s">
        <v>1250</v>
      </c>
      <c r="U21" t="s">
        <v>581</v>
      </c>
      <c r="V21" t="s">
        <v>579</v>
      </c>
      <c r="W21" t="s">
        <v>582</v>
      </c>
    </row>
    <row r="22" spans="1:23" ht="13.2" x14ac:dyDescent="0.2">
      <c r="A22" s="154" t="s">
        <v>189</v>
      </c>
      <c r="B22" s="154" t="s">
        <v>304</v>
      </c>
      <c r="C22" s="154" t="s">
        <v>310</v>
      </c>
      <c r="D22" s="154" t="s">
        <v>413</v>
      </c>
      <c r="E22" s="154" t="s">
        <v>436</v>
      </c>
      <c r="F22" s="154" t="s">
        <v>439</v>
      </c>
      <c r="G22" s="154" t="s">
        <v>638</v>
      </c>
      <c r="H22" s="154" t="s">
        <v>632</v>
      </c>
      <c r="I22" s="154" t="s">
        <v>639</v>
      </c>
      <c r="J22" s="154">
        <v>0.02</v>
      </c>
      <c r="K22" s="157" t="str">
        <f t="shared" si="0"/>
        <v>JW013011S外窓交換（防火・防風・防犯仕様）</v>
      </c>
      <c r="L22" s="162" t="str">
        <f t="shared" si="1"/>
        <v>JW013011S外窓交換（防火・防風・防犯仕様）S</v>
      </c>
      <c r="M22" t="s">
        <v>1351</v>
      </c>
      <c r="N22" t="s">
        <v>602</v>
      </c>
      <c r="O22" t="s">
        <v>663</v>
      </c>
      <c r="P22" t="s">
        <v>170</v>
      </c>
      <c r="Q22" t="s">
        <v>1005</v>
      </c>
      <c r="R22" s="154" t="s">
        <v>483</v>
      </c>
      <c r="S22" s="154" t="s">
        <v>171</v>
      </c>
      <c r="T22" s="154" t="s">
        <v>1251</v>
      </c>
      <c r="U22" t="s">
        <v>583</v>
      </c>
      <c r="V22" t="s">
        <v>579</v>
      </c>
      <c r="W22" t="s">
        <v>584</v>
      </c>
    </row>
    <row r="23" spans="1:23" ht="13.2" x14ac:dyDescent="0.2">
      <c r="A23" s="154" t="s">
        <v>896</v>
      </c>
      <c r="B23" s="154" t="s">
        <v>311</v>
      </c>
      <c r="C23" s="154" t="s">
        <v>312</v>
      </c>
      <c r="D23" s="154" t="s">
        <v>414</v>
      </c>
      <c r="E23" s="154" t="s">
        <v>436</v>
      </c>
      <c r="F23" s="154" t="s">
        <v>440</v>
      </c>
      <c r="G23" s="154" t="s">
        <v>640</v>
      </c>
      <c r="H23" s="154" t="s">
        <v>632</v>
      </c>
      <c r="I23" s="154" t="s">
        <v>641</v>
      </c>
      <c r="J23" s="154">
        <v>0.02</v>
      </c>
      <c r="K23" s="157" t="str">
        <f t="shared" si="0"/>
        <v>JW013012S外窓交換（防火・防風・防犯仕様）</v>
      </c>
      <c r="L23" s="162" t="str">
        <f t="shared" si="1"/>
        <v>JW013012S外窓交換（防火・防風・防犯仕様）S</v>
      </c>
      <c r="M23" t="s">
        <v>1006</v>
      </c>
      <c r="N23" t="s">
        <v>602</v>
      </c>
      <c r="O23" t="s">
        <v>663</v>
      </c>
      <c r="P23" t="s">
        <v>170</v>
      </c>
      <c r="Q23" t="s">
        <v>1007</v>
      </c>
      <c r="R23" s="154" t="s">
        <v>484</v>
      </c>
      <c r="S23" s="154" t="s">
        <v>171</v>
      </c>
      <c r="T23" s="154" t="s">
        <v>485</v>
      </c>
      <c r="U23" t="s">
        <v>585</v>
      </c>
      <c r="V23" t="s">
        <v>579</v>
      </c>
      <c r="W23" t="s">
        <v>586</v>
      </c>
    </row>
    <row r="24" spans="1:23" ht="13.2" x14ac:dyDescent="0.2">
      <c r="A24" s="154" t="s">
        <v>190</v>
      </c>
      <c r="B24" s="154" t="s">
        <v>311</v>
      </c>
      <c r="C24" s="154" t="s">
        <v>313</v>
      </c>
      <c r="D24" s="154" t="s">
        <v>415</v>
      </c>
      <c r="E24" s="154" t="s">
        <v>441</v>
      </c>
      <c r="F24" s="154" t="s">
        <v>442</v>
      </c>
      <c r="G24" s="154" t="s">
        <v>642</v>
      </c>
      <c r="H24" s="154" t="s">
        <v>632</v>
      </c>
      <c r="I24" s="154" t="s">
        <v>643</v>
      </c>
      <c r="J24" s="154">
        <v>0.02</v>
      </c>
      <c r="K24" s="157" t="str">
        <f t="shared" si="0"/>
        <v>JW013013S外窓交換（防火・防風・防犯仕様）</v>
      </c>
      <c r="L24" s="162" t="str">
        <f t="shared" si="1"/>
        <v>JW013013S外窓交換（防火・防風・防犯仕様）S</v>
      </c>
      <c r="M24" t="s">
        <v>1008</v>
      </c>
      <c r="N24" t="s">
        <v>602</v>
      </c>
      <c r="O24" t="s">
        <v>663</v>
      </c>
      <c r="P24" t="s">
        <v>170</v>
      </c>
      <c r="Q24" t="s">
        <v>1009</v>
      </c>
      <c r="R24" s="154" t="s">
        <v>486</v>
      </c>
      <c r="S24" s="154" t="s">
        <v>171</v>
      </c>
      <c r="T24" s="154" t="s">
        <v>487</v>
      </c>
      <c r="U24" t="s">
        <v>587</v>
      </c>
      <c r="V24" t="s">
        <v>579</v>
      </c>
      <c r="W24" t="s">
        <v>588</v>
      </c>
    </row>
    <row r="25" spans="1:23" ht="13.2" x14ac:dyDescent="0.2">
      <c r="A25" s="154" t="s">
        <v>191</v>
      </c>
      <c r="B25" s="154" t="s">
        <v>311</v>
      </c>
      <c r="C25" s="154" t="s">
        <v>314</v>
      </c>
      <c r="D25" s="154" t="s">
        <v>897</v>
      </c>
      <c r="E25" s="154" t="s">
        <v>441</v>
      </c>
      <c r="F25" s="154" t="s">
        <v>443</v>
      </c>
      <c r="G25" s="154" t="s">
        <v>644</v>
      </c>
      <c r="H25" s="154" t="s">
        <v>632</v>
      </c>
      <c r="I25" s="154" t="s">
        <v>645</v>
      </c>
      <c r="J25" s="154">
        <v>0.02</v>
      </c>
      <c r="K25" s="157" t="str">
        <f t="shared" si="0"/>
        <v>JW013021A外窓交換（防火・防風・防犯仕様）</v>
      </c>
      <c r="L25" s="162" t="str">
        <f t="shared" si="1"/>
        <v>JW013021A外窓交換（防火・防風・防犯仕様）A</v>
      </c>
      <c r="M25" t="s">
        <v>1010</v>
      </c>
      <c r="N25" t="s">
        <v>602</v>
      </c>
      <c r="O25" t="s">
        <v>663</v>
      </c>
      <c r="P25" t="s">
        <v>170</v>
      </c>
      <c r="Q25" t="s">
        <v>1011</v>
      </c>
      <c r="R25" s="154" t="s">
        <v>488</v>
      </c>
      <c r="S25" s="154" t="s">
        <v>171</v>
      </c>
      <c r="T25" s="154" t="s">
        <v>489</v>
      </c>
      <c r="U25" t="s">
        <v>589</v>
      </c>
      <c r="V25" t="s">
        <v>579</v>
      </c>
      <c r="W25" t="s">
        <v>590</v>
      </c>
    </row>
    <row r="26" spans="1:23" ht="13.2" x14ac:dyDescent="0.2">
      <c r="A26" s="154" t="s">
        <v>192</v>
      </c>
      <c r="B26" s="154" t="s">
        <v>311</v>
      </c>
      <c r="C26" s="154" t="s">
        <v>315</v>
      </c>
      <c r="D26" s="154" t="s">
        <v>416</v>
      </c>
      <c r="E26" s="154" t="s">
        <v>441</v>
      </c>
      <c r="F26" s="154" t="s">
        <v>444</v>
      </c>
      <c r="G26" s="154" t="s">
        <v>646</v>
      </c>
      <c r="H26" s="154" t="s">
        <v>632</v>
      </c>
      <c r="I26" s="154" t="s">
        <v>647</v>
      </c>
      <c r="J26" s="154">
        <v>0.02</v>
      </c>
      <c r="K26" s="157" t="str">
        <f t="shared" si="0"/>
        <v>JW013022A外窓交換（防火・防風・防犯仕様）</v>
      </c>
      <c r="L26" s="162" t="str">
        <f t="shared" si="1"/>
        <v>JW013022A外窓交換（防火・防風・防犯仕様）A</v>
      </c>
      <c r="M26" t="s">
        <v>1012</v>
      </c>
      <c r="N26" t="s">
        <v>602</v>
      </c>
      <c r="O26" t="s">
        <v>663</v>
      </c>
      <c r="P26" t="s">
        <v>170</v>
      </c>
      <c r="Q26" t="s">
        <v>1013</v>
      </c>
      <c r="R26" s="154" t="s">
        <v>490</v>
      </c>
      <c r="S26" s="154" t="s">
        <v>171</v>
      </c>
      <c r="T26" s="154" t="s">
        <v>491</v>
      </c>
      <c r="U26" t="s">
        <v>591</v>
      </c>
      <c r="V26" t="s">
        <v>450</v>
      </c>
      <c r="W26" t="s">
        <v>592</v>
      </c>
    </row>
    <row r="27" spans="1:23" ht="13.2" x14ac:dyDescent="0.2">
      <c r="A27" s="154" t="s">
        <v>193</v>
      </c>
      <c r="B27" s="154" t="s">
        <v>311</v>
      </c>
      <c r="C27" s="154" t="s">
        <v>316</v>
      </c>
      <c r="D27" s="154" t="s">
        <v>417</v>
      </c>
      <c r="E27" s="154" t="s">
        <v>441</v>
      </c>
      <c r="F27" s="154" t="s">
        <v>445</v>
      </c>
      <c r="G27" s="154" t="s">
        <v>648</v>
      </c>
      <c r="H27" s="154" t="s">
        <v>632</v>
      </c>
      <c r="I27" s="154" t="s">
        <v>649</v>
      </c>
      <c r="J27" s="154">
        <v>0.02</v>
      </c>
      <c r="K27" s="157" t="str">
        <f t="shared" si="0"/>
        <v>JW013023A外窓交換（防火・防風・防犯仕様）</v>
      </c>
      <c r="L27" s="162" t="str">
        <f t="shared" si="1"/>
        <v>JW013023A外窓交換（防火・防風・防犯仕様）A</v>
      </c>
      <c r="M27" t="s">
        <v>1014</v>
      </c>
      <c r="N27" t="s">
        <v>602</v>
      </c>
      <c r="O27" t="s">
        <v>663</v>
      </c>
      <c r="P27" t="s">
        <v>170</v>
      </c>
      <c r="Q27" t="s">
        <v>1015</v>
      </c>
      <c r="R27" s="154" t="s">
        <v>492</v>
      </c>
      <c r="S27" s="154" t="s">
        <v>171</v>
      </c>
      <c r="T27" s="154" t="s">
        <v>493</v>
      </c>
      <c r="U27" t="s">
        <v>1285</v>
      </c>
      <c r="V27" t="s">
        <v>450</v>
      </c>
      <c r="W27" t="s">
        <v>593</v>
      </c>
    </row>
    <row r="28" spans="1:23" ht="13.2" x14ac:dyDescent="0.2">
      <c r="A28" s="154" t="s">
        <v>194</v>
      </c>
      <c r="B28" s="154" t="s">
        <v>311</v>
      </c>
      <c r="C28" s="154" t="s">
        <v>317</v>
      </c>
      <c r="D28" s="154" t="s">
        <v>418</v>
      </c>
      <c r="E28" s="154" t="s">
        <v>441</v>
      </c>
      <c r="F28" s="154" t="s">
        <v>446</v>
      </c>
      <c r="G28" s="154" t="s">
        <v>650</v>
      </c>
      <c r="H28" s="154" t="s">
        <v>632</v>
      </c>
      <c r="I28" s="154" t="s">
        <v>651</v>
      </c>
      <c r="J28" s="154">
        <v>2.1999999999999999E-2</v>
      </c>
      <c r="K28" s="157" t="str">
        <f t="shared" si="0"/>
        <v>JW013031S外窓交換（防火・防風・防犯仕様）</v>
      </c>
      <c r="L28" s="162" t="str">
        <f t="shared" si="1"/>
        <v>JW013031S外窓交換（防火・防風・防犯仕様）S</v>
      </c>
      <c r="M28" t="s">
        <v>1016</v>
      </c>
      <c r="N28" t="s">
        <v>602</v>
      </c>
      <c r="O28" t="s">
        <v>663</v>
      </c>
      <c r="P28" t="s">
        <v>170</v>
      </c>
      <c r="Q28" t="s">
        <v>1017</v>
      </c>
      <c r="R28" s="154" t="s">
        <v>494</v>
      </c>
      <c r="S28" s="154" t="s">
        <v>171</v>
      </c>
      <c r="T28" s="154" t="s">
        <v>495</v>
      </c>
      <c r="U28"/>
      <c r="V28"/>
      <c r="W28"/>
    </row>
    <row r="29" spans="1:23" ht="13.2" x14ac:dyDescent="0.2">
      <c r="A29" s="154" t="s">
        <v>195</v>
      </c>
      <c r="B29" s="154" t="s">
        <v>318</v>
      </c>
      <c r="C29" s="154" t="s">
        <v>319</v>
      </c>
      <c r="D29" s="154" t="s">
        <v>419</v>
      </c>
      <c r="E29" s="154" t="s">
        <v>441</v>
      </c>
      <c r="F29" s="154" t="s">
        <v>447</v>
      </c>
      <c r="G29" s="154" t="s">
        <v>1380</v>
      </c>
      <c r="H29" s="154" t="s">
        <v>632</v>
      </c>
      <c r="I29" s="154" t="s">
        <v>652</v>
      </c>
      <c r="J29" s="154">
        <v>0.02</v>
      </c>
      <c r="K29" s="157" t="str">
        <f t="shared" si="0"/>
        <v>JW013032S外窓交換（防火・防風・防犯仕様）</v>
      </c>
      <c r="L29" s="162" t="str">
        <f t="shared" si="1"/>
        <v>JW013032S外窓交換（防火・防風・防犯仕様）S</v>
      </c>
      <c r="M29" t="s">
        <v>1018</v>
      </c>
      <c r="N29" t="s">
        <v>602</v>
      </c>
      <c r="O29" t="s">
        <v>663</v>
      </c>
      <c r="P29" t="s">
        <v>170</v>
      </c>
      <c r="Q29" t="s">
        <v>1019</v>
      </c>
      <c r="R29" s="154" t="s">
        <v>496</v>
      </c>
      <c r="S29" s="154" t="s">
        <v>171</v>
      </c>
      <c r="T29" s="154" t="s">
        <v>497</v>
      </c>
      <c r="U29"/>
      <c r="V29"/>
      <c r="W29"/>
    </row>
    <row r="30" spans="1:23" ht="13.2" x14ac:dyDescent="0.2">
      <c r="A30" s="154" t="s">
        <v>196</v>
      </c>
      <c r="B30" s="154" t="s">
        <v>318</v>
      </c>
      <c r="C30" s="154" t="s">
        <v>320</v>
      </c>
      <c r="D30" s="154" t="s">
        <v>420</v>
      </c>
      <c r="E30" s="154" t="s">
        <v>441</v>
      </c>
      <c r="F30" s="154" t="s">
        <v>448</v>
      </c>
      <c r="G30" s="154" t="s">
        <v>1381</v>
      </c>
      <c r="H30" s="154" t="s">
        <v>1382</v>
      </c>
      <c r="I30" s="154" t="s">
        <v>1383</v>
      </c>
      <c r="J30" s="154">
        <v>0.02</v>
      </c>
      <c r="K30" s="157" t="str">
        <f t="shared" si="0"/>
        <v>JW013033S外窓交換（防火・防風・防犯仕様）</v>
      </c>
      <c r="L30" s="162" t="str">
        <f t="shared" si="1"/>
        <v>JW013033S外窓交換（防火・防風・防犯仕様）S</v>
      </c>
      <c r="M30" t="s">
        <v>1020</v>
      </c>
      <c r="N30" t="s">
        <v>602</v>
      </c>
      <c r="O30" t="s">
        <v>663</v>
      </c>
      <c r="P30" t="s">
        <v>170</v>
      </c>
      <c r="Q30" t="s">
        <v>1021</v>
      </c>
      <c r="R30" s="154" t="s">
        <v>498</v>
      </c>
      <c r="S30" s="154" t="s">
        <v>171</v>
      </c>
      <c r="T30" s="154" t="s">
        <v>499</v>
      </c>
      <c r="U30"/>
      <c r="V30"/>
      <c r="W30"/>
    </row>
    <row r="31" spans="1:23" ht="13.2" x14ac:dyDescent="0.2">
      <c r="A31" s="154" t="s">
        <v>197</v>
      </c>
      <c r="B31" s="154" t="s">
        <v>318</v>
      </c>
      <c r="C31" s="154" t="s">
        <v>321</v>
      </c>
      <c r="D31" s="154" t="s">
        <v>421</v>
      </c>
      <c r="E31" s="154" t="s">
        <v>441</v>
      </c>
      <c r="F31" s="154" t="s">
        <v>449</v>
      </c>
      <c r="G31" s="154" t="s">
        <v>1388</v>
      </c>
      <c r="H31" s="154" t="s">
        <v>1382</v>
      </c>
      <c r="I31" s="154" t="s">
        <v>1389</v>
      </c>
      <c r="J31" s="154">
        <v>0.02</v>
      </c>
      <c r="K31" s="157" t="str">
        <f t="shared" si="0"/>
        <v>JW013041S外窓交換（防火・防風・防犯仕様）</v>
      </c>
      <c r="L31" s="162" t="str">
        <f t="shared" si="1"/>
        <v>JW013041S外窓交換（防火・防風・防犯仕様）S</v>
      </c>
      <c r="M31" t="s">
        <v>1022</v>
      </c>
      <c r="N31" t="s">
        <v>602</v>
      </c>
      <c r="O31" t="s">
        <v>663</v>
      </c>
      <c r="P31" t="s">
        <v>170</v>
      </c>
      <c r="Q31" t="s">
        <v>1023</v>
      </c>
      <c r="R31" s="154" t="s">
        <v>500</v>
      </c>
      <c r="S31" s="154" t="s">
        <v>171</v>
      </c>
      <c r="T31" s="154" t="s">
        <v>501</v>
      </c>
      <c r="U31"/>
      <c r="V31"/>
      <c r="W31"/>
    </row>
    <row r="32" spans="1:23" ht="13.2" x14ac:dyDescent="0.2">
      <c r="A32" s="154" t="s">
        <v>198</v>
      </c>
      <c r="B32" s="154" t="s">
        <v>318</v>
      </c>
      <c r="C32" s="154" t="s">
        <v>322</v>
      </c>
      <c r="D32" s="154" t="s">
        <v>674</v>
      </c>
      <c r="E32" s="154" t="s">
        <v>318</v>
      </c>
      <c r="F32" s="154" t="s">
        <v>451</v>
      </c>
      <c r="G32" s="154" t="s">
        <v>1390</v>
      </c>
      <c r="H32" s="154" t="s">
        <v>1382</v>
      </c>
      <c r="I32" s="154" t="s">
        <v>1391</v>
      </c>
      <c r="J32" s="154">
        <v>0.02</v>
      </c>
      <c r="K32" s="157" t="str">
        <f t="shared" si="0"/>
        <v>JW013042S外窓交換（防火・防風・防犯仕様）</v>
      </c>
      <c r="L32" s="162" t="str">
        <f t="shared" si="1"/>
        <v>JW013042S外窓交換（防火・防風・防犯仕様）S</v>
      </c>
      <c r="M32" t="s">
        <v>1024</v>
      </c>
      <c r="N32" t="s">
        <v>602</v>
      </c>
      <c r="O32" t="s">
        <v>663</v>
      </c>
      <c r="P32" t="s">
        <v>170</v>
      </c>
      <c r="Q32" t="s">
        <v>1025</v>
      </c>
      <c r="R32" s="154" t="s">
        <v>502</v>
      </c>
      <c r="S32" s="154" t="s">
        <v>171</v>
      </c>
      <c r="T32" s="154" t="s">
        <v>503</v>
      </c>
      <c r="U32"/>
      <c r="V32"/>
      <c r="W32"/>
    </row>
    <row r="33" spans="1:20" ht="13.2" x14ac:dyDescent="0.2">
      <c r="A33" s="154" t="s">
        <v>199</v>
      </c>
      <c r="B33" s="154" t="s">
        <v>318</v>
      </c>
      <c r="C33" s="154" t="s">
        <v>323</v>
      </c>
      <c r="D33" s="154" t="s">
        <v>1384</v>
      </c>
      <c r="E33" s="154" t="s">
        <v>441</v>
      </c>
      <c r="F33" s="154" t="s">
        <v>1181</v>
      </c>
      <c r="G33" s="154" t="s">
        <v>1392</v>
      </c>
      <c r="H33" s="154" t="s">
        <v>1382</v>
      </c>
      <c r="I33" s="154" t="s">
        <v>1393</v>
      </c>
      <c r="J33" s="154">
        <v>0.02</v>
      </c>
      <c r="K33" s="157" t="str">
        <f t="shared" si="0"/>
        <v>JW013043S外窓交換（防火・防風・防犯仕様）</v>
      </c>
      <c r="L33" s="162" t="str">
        <f t="shared" si="1"/>
        <v>JW013043S外窓交換（防火・防風・防犯仕様）S</v>
      </c>
      <c r="M33" t="s">
        <v>1026</v>
      </c>
      <c r="N33" t="s">
        <v>602</v>
      </c>
      <c r="O33" t="s">
        <v>663</v>
      </c>
      <c r="P33" t="s">
        <v>170</v>
      </c>
      <c r="Q33" t="s">
        <v>1027</v>
      </c>
      <c r="R33" s="154" t="s">
        <v>504</v>
      </c>
      <c r="S33" s="154" t="s">
        <v>171</v>
      </c>
      <c r="T33" s="154" t="s">
        <v>505</v>
      </c>
    </row>
    <row r="34" spans="1:20" ht="13.2" x14ac:dyDescent="0.2">
      <c r="A34" s="154" t="s">
        <v>200</v>
      </c>
      <c r="B34" s="154" t="s">
        <v>318</v>
      </c>
      <c r="C34" s="154" t="s">
        <v>324</v>
      </c>
      <c r="D34" s="154" t="s">
        <v>1385</v>
      </c>
      <c r="E34" s="154" t="s">
        <v>318</v>
      </c>
      <c r="F34" s="154" t="s">
        <v>1386</v>
      </c>
      <c r="G34" s="154" t="s">
        <v>1394</v>
      </c>
      <c r="H34" s="154" t="s">
        <v>1382</v>
      </c>
      <c r="I34" s="154" t="s">
        <v>1395</v>
      </c>
      <c r="J34" s="154">
        <v>0.02</v>
      </c>
      <c r="K34" s="157" t="str">
        <f t="shared" si="0"/>
        <v>JW013051S外窓交換（防火・防風・防犯仕様）</v>
      </c>
      <c r="L34" s="162" t="str">
        <f t="shared" si="1"/>
        <v>JW013051S外窓交換（防火・防風・防犯仕様）S</v>
      </c>
      <c r="M34" t="s">
        <v>1028</v>
      </c>
      <c r="N34" t="s">
        <v>602</v>
      </c>
      <c r="O34" t="s">
        <v>663</v>
      </c>
      <c r="P34" t="s">
        <v>170</v>
      </c>
      <c r="Q34" t="s">
        <v>1029</v>
      </c>
      <c r="R34" s="154" t="s">
        <v>506</v>
      </c>
      <c r="S34" s="154" t="s">
        <v>171</v>
      </c>
      <c r="T34" s="154" t="s">
        <v>507</v>
      </c>
    </row>
    <row r="35" spans="1:20" ht="13.2" x14ac:dyDescent="0.2">
      <c r="A35" s="154" t="s">
        <v>201</v>
      </c>
      <c r="B35" s="154" t="s">
        <v>318</v>
      </c>
      <c r="C35" s="154" t="s">
        <v>325</v>
      </c>
      <c r="G35" s="154" t="s">
        <v>1396</v>
      </c>
      <c r="H35" s="154" t="s">
        <v>1382</v>
      </c>
      <c r="I35" s="154" t="s">
        <v>1397</v>
      </c>
      <c r="J35" s="154">
        <v>0.02</v>
      </c>
      <c r="K35" s="157" t="str">
        <f t="shared" si="0"/>
        <v>JW013052S外窓交換（防火・防風・防犯仕様）</v>
      </c>
      <c r="L35" s="162" t="str">
        <f t="shared" si="1"/>
        <v>JW013052S外窓交換（防火・防風・防犯仕様）S</v>
      </c>
      <c r="M35" t="s">
        <v>1030</v>
      </c>
      <c r="N35" t="s">
        <v>602</v>
      </c>
      <c r="O35" t="s">
        <v>663</v>
      </c>
      <c r="P35" t="s">
        <v>170</v>
      </c>
      <c r="Q35" t="s">
        <v>1031</v>
      </c>
      <c r="R35" s="154" t="s">
        <v>508</v>
      </c>
      <c r="S35" s="154" t="s">
        <v>171</v>
      </c>
      <c r="T35" s="154" t="s">
        <v>509</v>
      </c>
    </row>
    <row r="36" spans="1:20" ht="13.2" x14ac:dyDescent="0.2">
      <c r="A36" s="154" t="s">
        <v>202</v>
      </c>
      <c r="B36" s="154" t="s">
        <v>318</v>
      </c>
      <c r="C36" s="154" t="s">
        <v>326</v>
      </c>
      <c r="K36" s="157" t="str">
        <f t="shared" si="0"/>
        <v>JW013053S外窓交換（防火・防風・防犯仕様）</v>
      </c>
      <c r="L36" s="162" t="str">
        <f t="shared" si="1"/>
        <v>JW013053S外窓交換（防火・防風・防犯仕様）S</v>
      </c>
      <c r="M36" t="s">
        <v>1032</v>
      </c>
      <c r="N36" t="s">
        <v>602</v>
      </c>
      <c r="O36" t="s">
        <v>663</v>
      </c>
      <c r="P36" t="s">
        <v>170</v>
      </c>
      <c r="Q36" t="s">
        <v>1033</v>
      </c>
      <c r="R36" s="154" t="s">
        <v>510</v>
      </c>
      <c r="S36" s="154" t="s">
        <v>171</v>
      </c>
      <c r="T36" s="154" t="s">
        <v>511</v>
      </c>
    </row>
    <row r="37" spans="1:20" ht="13.2" x14ac:dyDescent="0.2">
      <c r="A37" s="154" t="s">
        <v>203</v>
      </c>
      <c r="B37" s="154" t="s">
        <v>318</v>
      </c>
      <c r="C37" s="154" t="s">
        <v>327</v>
      </c>
      <c r="K37" s="157" t="str">
        <f t="shared" si="0"/>
        <v>JW013101A外窓交換（防火・防風・防犯仕様）</v>
      </c>
      <c r="L37" s="162" t="str">
        <f t="shared" si="1"/>
        <v>JW013101A外窓交換（防火・防風・防犯仕様）A</v>
      </c>
      <c r="M37" t="s">
        <v>1034</v>
      </c>
      <c r="N37" t="s">
        <v>602</v>
      </c>
      <c r="O37" t="s">
        <v>663</v>
      </c>
      <c r="P37" t="s">
        <v>170</v>
      </c>
      <c r="Q37" t="s">
        <v>1035</v>
      </c>
      <c r="R37" s="154" t="s">
        <v>653</v>
      </c>
      <c r="S37" s="154" t="s">
        <v>171</v>
      </c>
      <c r="T37" s="154" t="s">
        <v>512</v>
      </c>
    </row>
    <row r="38" spans="1:20" ht="13.2" x14ac:dyDescent="0.2">
      <c r="A38" s="154" t="s">
        <v>204</v>
      </c>
      <c r="B38" s="154" t="s">
        <v>318</v>
      </c>
      <c r="C38" s="154" t="s">
        <v>328</v>
      </c>
      <c r="K38" s="157" t="str">
        <f t="shared" si="0"/>
        <v>JW013102A外窓交換（防火・防風・防犯仕様）</v>
      </c>
      <c r="L38" s="162" t="str">
        <f t="shared" si="1"/>
        <v>JW013102A外窓交換（防火・防風・防犯仕様）A</v>
      </c>
      <c r="M38" t="s">
        <v>1036</v>
      </c>
      <c r="N38" t="s">
        <v>602</v>
      </c>
      <c r="O38" t="s">
        <v>663</v>
      </c>
      <c r="P38" t="s">
        <v>170</v>
      </c>
      <c r="Q38" t="s">
        <v>1037</v>
      </c>
      <c r="R38" s="154" t="s">
        <v>513</v>
      </c>
      <c r="S38" s="154" t="s">
        <v>171</v>
      </c>
      <c r="T38" s="154" t="s">
        <v>514</v>
      </c>
    </row>
    <row r="39" spans="1:20" ht="13.2" x14ac:dyDescent="0.2">
      <c r="A39" s="154" t="s">
        <v>205</v>
      </c>
      <c r="B39" s="154" t="s">
        <v>318</v>
      </c>
      <c r="C39" s="154" t="s">
        <v>329</v>
      </c>
      <c r="K39" s="157" t="str">
        <f t="shared" si="0"/>
        <v>JW013103A外窓交換（防火・防風・防犯仕様）</v>
      </c>
      <c r="L39" s="162" t="str">
        <f t="shared" si="1"/>
        <v>JW013103A外窓交換（防火・防風・防犯仕様）A</v>
      </c>
      <c r="M39" t="s">
        <v>1038</v>
      </c>
      <c r="N39" t="s">
        <v>602</v>
      </c>
      <c r="O39" t="s">
        <v>663</v>
      </c>
      <c r="P39" t="s">
        <v>170</v>
      </c>
      <c r="Q39" t="s">
        <v>1039</v>
      </c>
      <c r="R39" s="154" t="s">
        <v>515</v>
      </c>
      <c r="S39" s="154" t="s">
        <v>171</v>
      </c>
      <c r="T39" s="154" t="s">
        <v>516</v>
      </c>
    </row>
    <row r="40" spans="1:20" ht="13.2" x14ac:dyDescent="0.2">
      <c r="A40" s="154" t="s">
        <v>206</v>
      </c>
      <c r="B40" s="154" t="s">
        <v>318</v>
      </c>
      <c r="C40" s="154" t="s">
        <v>330</v>
      </c>
      <c r="K40" s="157" t="str">
        <f t="shared" si="0"/>
        <v>JW013104A外窓交換（防火・防風・防犯仕様）</v>
      </c>
      <c r="L40" s="162" t="str">
        <f t="shared" si="1"/>
        <v>JW013104A外窓交換（防火・防風・防犯仕様）A</v>
      </c>
      <c r="M40" t="s">
        <v>1040</v>
      </c>
      <c r="N40" t="s">
        <v>602</v>
      </c>
      <c r="O40" t="s">
        <v>663</v>
      </c>
      <c r="P40" t="s">
        <v>170</v>
      </c>
      <c r="Q40" t="s">
        <v>1041</v>
      </c>
      <c r="R40" s="154" t="s">
        <v>517</v>
      </c>
      <c r="S40" s="154" t="s">
        <v>171</v>
      </c>
      <c r="T40" s="154" t="s">
        <v>518</v>
      </c>
    </row>
    <row r="41" spans="1:20" ht="13.2" x14ac:dyDescent="0.2">
      <c r="A41" s="154" t="s">
        <v>207</v>
      </c>
      <c r="B41" s="154" t="s">
        <v>318</v>
      </c>
      <c r="C41" s="154" t="s">
        <v>331</v>
      </c>
      <c r="K41" s="157" t="str">
        <f t="shared" si="0"/>
        <v>JW013105S外窓交換（防火・防風・防犯仕様）</v>
      </c>
      <c r="L41" s="162" t="str">
        <f t="shared" si="1"/>
        <v>JW013105S外窓交換（防火・防風・防犯仕様）S</v>
      </c>
      <c r="M41" t="s">
        <v>1042</v>
      </c>
      <c r="N41" t="s">
        <v>602</v>
      </c>
      <c r="O41" t="s">
        <v>663</v>
      </c>
      <c r="P41" t="s">
        <v>170</v>
      </c>
      <c r="Q41" t="s">
        <v>1043</v>
      </c>
      <c r="R41" s="154" t="s">
        <v>519</v>
      </c>
      <c r="S41" s="154" t="s">
        <v>171</v>
      </c>
      <c r="T41" s="154" t="s">
        <v>520</v>
      </c>
    </row>
    <row r="42" spans="1:20" ht="13.2" x14ac:dyDescent="0.2">
      <c r="A42" s="154" t="s">
        <v>208</v>
      </c>
      <c r="B42" s="154" t="s">
        <v>318</v>
      </c>
      <c r="C42" s="154" t="s">
        <v>332</v>
      </c>
      <c r="K42" s="157" t="str">
        <f t="shared" si="0"/>
        <v>JW013106S外窓交換（防火・防風・防犯仕様）</v>
      </c>
      <c r="L42" s="162" t="str">
        <f t="shared" si="1"/>
        <v>JW013106S外窓交換（防火・防風・防犯仕様）S</v>
      </c>
      <c r="M42" t="s">
        <v>1044</v>
      </c>
      <c r="N42" t="s">
        <v>602</v>
      </c>
      <c r="O42" t="s">
        <v>663</v>
      </c>
      <c r="P42" t="s">
        <v>170</v>
      </c>
      <c r="Q42" t="s">
        <v>1045</v>
      </c>
      <c r="R42" s="154" t="s">
        <v>521</v>
      </c>
      <c r="S42" s="154" t="s">
        <v>171</v>
      </c>
      <c r="T42" s="154" t="s">
        <v>522</v>
      </c>
    </row>
    <row r="43" spans="1:20" ht="13.2" x14ac:dyDescent="0.2">
      <c r="A43" s="154" t="s">
        <v>209</v>
      </c>
      <c r="B43" s="154" t="s">
        <v>318</v>
      </c>
      <c r="C43" s="154" t="s">
        <v>333</v>
      </c>
      <c r="K43" s="157" t="str">
        <f t="shared" si="0"/>
        <v>JW013107S外窓交換（防火・防風・防犯仕様）</v>
      </c>
      <c r="L43" s="162" t="str">
        <f t="shared" si="1"/>
        <v>JW013107S外窓交換（防火・防風・防犯仕様）S</v>
      </c>
      <c r="M43" t="s">
        <v>1046</v>
      </c>
      <c r="N43" t="s">
        <v>602</v>
      </c>
      <c r="O43" t="s">
        <v>663</v>
      </c>
      <c r="P43" t="s">
        <v>170</v>
      </c>
      <c r="Q43" t="s">
        <v>1047</v>
      </c>
      <c r="R43" s="154" t="s">
        <v>523</v>
      </c>
      <c r="S43" s="154" t="s">
        <v>171</v>
      </c>
      <c r="T43" s="154" t="s">
        <v>524</v>
      </c>
    </row>
    <row r="44" spans="1:20" ht="13.2" x14ac:dyDescent="0.2">
      <c r="A44" s="154" t="s">
        <v>210</v>
      </c>
      <c r="B44" s="154" t="s">
        <v>318</v>
      </c>
      <c r="C44" s="154" t="s">
        <v>334</v>
      </c>
      <c r="K44" s="157" t="str">
        <f t="shared" si="0"/>
        <v>JW013108S外窓交換（防火・防風・防犯仕様）</v>
      </c>
      <c r="L44" s="162" t="str">
        <f t="shared" si="1"/>
        <v>JW013108S外窓交換（防火・防風・防犯仕様）S</v>
      </c>
      <c r="M44" t="s">
        <v>1048</v>
      </c>
      <c r="N44" t="s">
        <v>602</v>
      </c>
      <c r="O44" t="s">
        <v>663</v>
      </c>
      <c r="P44" t="s">
        <v>170</v>
      </c>
      <c r="Q44" t="s">
        <v>1049</v>
      </c>
      <c r="R44" s="154" t="s">
        <v>525</v>
      </c>
      <c r="S44" s="154" t="s">
        <v>171</v>
      </c>
      <c r="T44" s="154" t="s">
        <v>526</v>
      </c>
    </row>
    <row r="45" spans="1:20" ht="13.2" x14ac:dyDescent="0.2">
      <c r="A45" s="154" t="s">
        <v>211</v>
      </c>
      <c r="B45" s="154" t="s">
        <v>318</v>
      </c>
      <c r="C45" s="154" t="s">
        <v>335</v>
      </c>
      <c r="K45" s="157" t="str">
        <f t="shared" si="0"/>
        <v>JW013201A外窓交換（防火・防風・防犯仕様）</v>
      </c>
      <c r="L45" s="162" t="str">
        <f t="shared" si="1"/>
        <v>JW013201A外窓交換（防火・防風・防犯仕様）A</v>
      </c>
      <c r="M45" t="s">
        <v>1050</v>
      </c>
      <c r="N45" t="s">
        <v>602</v>
      </c>
      <c r="O45" t="s">
        <v>663</v>
      </c>
      <c r="P45" t="s">
        <v>170</v>
      </c>
      <c r="Q45" t="s">
        <v>1051</v>
      </c>
      <c r="R45" s="154" t="s">
        <v>527</v>
      </c>
      <c r="S45" s="154" t="s">
        <v>171</v>
      </c>
      <c r="T45" s="154" t="s">
        <v>528</v>
      </c>
    </row>
    <row r="46" spans="1:20" ht="13.2" x14ac:dyDescent="0.2">
      <c r="A46" s="154" t="s">
        <v>212</v>
      </c>
      <c r="B46" s="154" t="s">
        <v>318</v>
      </c>
      <c r="C46" s="154" t="s">
        <v>336</v>
      </c>
      <c r="K46" s="157" t="str">
        <f t="shared" si="0"/>
        <v>JW013202A外窓交換（防火・防風・防犯仕様）</v>
      </c>
      <c r="L46" s="162" t="str">
        <f t="shared" si="1"/>
        <v>JW013202A外窓交換（防火・防風・防犯仕様）A</v>
      </c>
      <c r="M46" t="s">
        <v>1052</v>
      </c>
      <c r="N46" t="s">
        <v>602</v>
      </c>
      <c r="O46" t="s">
        <v>663</v>
      </c>
      <c r="P46" t="s">
        <v>170</v>
      </c>
      <c r="Q46" t="s">
        <v>1053</v>
      </c>
      <c r="R46" s="154" t="s">
        <v>529</v>
      </c>
      <c r="S46" s="154" t="s">
        <v>171</v>
      </c>
      <c r="T46" s="154" t="s">
        <v>530</v>
      </c>
    </row>
    <row r="47" spans="1:20" ht="13.2" x14ac:dyDescent="0.2">
      <c r="A47" s="154" t="s">
        <v>213</v>
      </c>
      <c r="B47" s="154" t="s">
        <v>318</v>
      </c>
      <c r="C47" s="154" t="s">
        <v>337</v>
      </c>
      <c r="K47" s="157" t="str">
        <f t="shared" si="0"/>
        <v>JW013203A外窓交換（防火・防風・防犯仕様）</v>
      </c>
      <c r="L47" s="162" t="str">
        <f t="shared" si="1"/>
        <v>JW013203A外窓交換（防火・防風・防犯仕様）A</v>
      </c>
      <c r="M47" t="s">
        <v>1054</v>
      </c>
      <c r="N47" t="s">
        <v>602</v>
      </c>
      <c r="O47" t="s">
        <v>663</v>
      </c>
      <c r="P47" t="s">
        <v>170</v>
      </c>
      <c r="Q47" t="s">
        <v>1055</v>
      </c>
      <c r="R47" s="154" t="s">
        <v>531</v>
      </c>
      <c r="S47" s="154" t="s">
        <v>171</v>
      </c>
      <c r="T47" s="154" t="s">
        <v>532</v>
      </c>
    </row>
    <row r="48" spans="1:20" x14ac:dyDescent="0.2">
      <c r="A48" s="154" t="s">
        <v>214</v>
      </c>
      <c r="B48" s="154" t="s">
        <v>318</v>
      </c>
      <c r="C48" s="154" t="s">
        <v>338</v>
      </c>
      <c r="K48" s="157" t="str">
        <f t="shared" si="0"/>
        <v>JW023101A外窓交換（防火・防風・防犯仕様）</v>
      </c>
      <c r="L48" s="162" t="str">
        <f t="shared" si="1"/>
        <v>JW023101A外窓交換（防火・防風・防犯仕様）A</v>
      </c>
      <c r="M48" s="154" t="s">
        <v>745</v>
      </c>
      <c r="N48" s="154" t="s">
        <v>602</v>
      </c>
      <c r="O48" s="154" t="s">
        <v>663</v>
      </c>
      <c r="P48" s="154" t="s">
        <v>171</v>
      </c>
      <c r="Q48" s="154" t="s">
        <v>675</v>
      </c>
      <c r="R48" s="154" t="s">
        <v>533</v>
      </c>
      <c r="S48" s="154" t="s">
        <v>171</v>
      </c>
      <c r="T48" s="154" t="s">
        <v>534</v>
      </c>
    </row>
    <row r="49" spans="1:20" x14ac:dyDescent="0.2">
      <c r="A49" s="154" t="s">
        <v>215</v>
      </c>
      <c r="B49" s="154" t="s">
        <v>318</v>
      </c>
      <c r="C49" s="154" t="s">
        <v>339</v>
      </c>
      <c r="K49" s="157" t="str">
        <f t="shared" si="0"/>
        <v>JW024101A外窓交換（防火・防風・防犯仕様）</v>
      </c>
      <c r="L49" s="162" t="str">
        <f t="shared" si="1"/>
        <v>JW024101A外窓交換（防火・防風・防犯仕様）A</v>
      </c>
      <c r="M49" s="154" t="s">
        <v>746</v>
      </c>
      <c r="N49" s="154" t="s">
        <v>602</v>
      </c>
      <c r="O49" s="154" t="s">
        <v>663</v>
      </c>
      <c r="P49" s="154" t="s">
        <v>171</v>
      </c>
      <c r="Q49" s="154" t="s">
        <v>676</v>
      </c>
      <c r="R49" s="154" t="s">
        <v>535</v>
      </c>
      <c r="S49" s="154" t="s">
        <v>171</v>
      </c>
      <c r="T49" s="154" t="s">
        <v>536</v>
      </c>
    </row>
    <row r="50" spans="1:20" x14ac:dyDescent="0.2">
      <c r="A50" s="154" t="s">
        <v>216</v>
      </c>
      <c r="B50" s="154" t="s">
        <v>318</v>
      </c>
      <c r="C50" s="154" t="s">
        <v>340</v>
      </c>
      <c r="K50" s="157" t="str">
        <f t="shared" si="0"/>
        <v>JW024102A外窓交換（防火・防風・防犯仕様）</v>
      </c>
      <c r="L50" s="162" t="str">
        <f t="shared" si="1"/>
        <v>JW024102A外窓交換（防火・防風・防犯仕様）A</v>
      </c>
      <c r="M50" s="154" t="s">
        <v>899</v>
      </c>
      <c r="N50" s="154" t="s">
        <v>602</v>
      </c>
      <c r="O50" s="154" t="s">
        <v>663</v>
      </c>
      <c r="P50" s="154" t="s">
        <v>171</v>
      </c>
      <c r="Q50" s="154" t="s">
        <v>677</v>
      </c>
      <c r="R50" s="154" t="s">
        <v>537</v>
      </c>
      <c r="S50" s="154" t="s">
        <v>171</v>
      </c>
      <c r="T50" s="154" t="s">
        <v>538</v>
      </c>
    </row>
    <row r="51" spans="1:20" x14ac:dyDescent="0.2">
      <c r="A51" s="154" t="s">
        <v>217</v>
      </c>
      <c r="B51" s="154" t="s">
        <v>318</v>
      </c>
      <c r="C51" s="154" t="s">
        <v>341</v>
      </c>
      <c r="K51" s="157" t="str">
        <f t="shared" si="0"/>
        <v>JW024201S外窓交換（防火・防風・防犯仕様）</v>
      </c>
      <c r="L51" s="162" t="str">
        <f t="shared" si="1"/>
        <v>JW024201S外窓交換（防火・防風・防犯仕様）S</v>
      </c>
      <c r="M51" s="154" t="s">
        <v>1056</v>
      </c>
      <c r="N51" s="154" t="s">
        <v>602</v>
      </c>
      <c r="O51" s="154" t="s">
        <v>663</v>
      </c>
      <c r="P51" s="154" t="s">
        <v>171</v>
      </c>
      <c r="Q51" s="154" t="s">
        <v>1057</v>
      </c>
      <c r="R51" s="154" t="s">
        <v>539</v>
      </c>
      <c r="S51" s="154" t="s">
        <v>172</v>
      </c>
      <c r="T51" s="154" t="s">
        <v>540</v>
      </c>
    </row>
    <row r="52" spans="1:20" x14ac:dyDescent="0.2">
      <c r="A52" s="154" t="s">
        <v>218</v>
      </c>
      <c r="B52" s="154" t="s">
        <v>318</v>
      </c>
      <c r="C52" s="154" t="s">
        <v>342</v>
      </c>
      <c r="K52" s="157" t="str">
        <f t="shared" si="0"/>
        <v>JW024202S外窓交換（防火・防風・防犯仕様）</v>
      </c>
      <c r="L52" s="162" t="str">
        <f t="shared" si="1"/>
        <v>JW024202S外窓交換（防火・防風・防犯仕様）S</v>
      </c>
      <c r="M52" s="154" t="s">
        <v>1058</v>
      </c>
      <c r="N52" s="154" t="s">
        <v>602</v>
      </c>
      <c r="O52" s="154" t="s">
        <v>663</v>
      </c>
      <c r="P52" s="154" t="s">
        <v>171</v>
      </c>
      <c r="Q52" s="154" t="s">
        <v>1059</v>
      </c>
      <c r="R52" s="154" t="s">
        <v>541</v>
      </c>
      <c r="S52" s="154" t="s">
        <v>172</v>
      </c>
      <c r="T52" s="154" t="s">
        <v>542</v>
      </c>
    </row>
    <row r="53" spans="1:20" x14ac:dyDescent="0.2">
      <c r="A53" s="154" t="s">
        <v>219</v>
      </c>
      <c r="B53" s="154" t="s">
        <v>318</v>
      </c>
      <c r="C53" s="154" t="s">
        <v>343</v>
      </c>
      <c r="K53" s="157" t="str">
        <f t="shared" si="0"/>
        <v>JW024203A外窓交換（防火・防風・防犯仕様）</v>
      </c>
      <c r="L53" s="162" t="str">
        <f t="shared" si="1"/>
        <v>JW024203A外窓交換（防火・防風・防犯仕様）A</v>
      </c>
      <c r="M53" s="154" t="s">
        <v>1060</v>
      </c>
      <c r="N53" s="154" t="s">
        <v>602</v>
      </c>
      <c r="O53" s="154" t="s">
        <v>663</v>
      </c>
      <c r="P53" s="154" t="s">
        <v>171</v>
      </c>
      <c r="Q53" s="154" t="s">
        <v>1061</v>
      </c>
      <c r="R53" s="154" t="s">
        <v>543</v>
      </c>
      <c r="S53" s="154" t="s">
        <v>172</v>
      </c>
      <c r="T53" s="154" t="s">
        <v>544</v>
      </c>
    </row>
    <row r="54" spans="1:20" x14ac:dyDescent="0.2">
      <c r="A54" s="154" t="s">
        <v>220</v>
      </c>
      <c r="B54" s="154" t="s">
        <v>318</v>
      </c>
      <c r="C54" s="154" t="s">
        <v>344</v>
      </c>
      <c r="K54" s="157" t="str">
        <f t="shared" si="0"/>
        <v>JW024204S外窓交換（防火・防風・防犯仕様）</v>
      </c>
      <c r="L54" s="162" t="str">
        <f t="shared" si="1"/>
        <v>JW024204S外窓交換（防火・防風・防犯仕様）S</v>
      </c>
      <c r="M54" s="154" t="s">
        <v>1062</v>
      </c>
      <c r="N54" s="154" t="s">
        <v>602</v>
      </c>
      <c r="O54" s="154" t="s">
        <v>663</v>
      </c>
      <c r="P54" s="154" t="s">
        <v>171</v>
      </c>
      <c r="Q54" s="154" t="s">
        <v>1063</v>
      </c>
      <c r="R54" s="154" t="s">
        <v>545</v>
      </c>
      <c r="S54" s="154" t="s">
        <v>172</v>
      </c>
      <c r="T54" s="154" t="s">
        <v>546</v>
      </c>
    </row>
    <row r="55" spans="1:20" x14ac:dyDescent="0.2">
      <c r="A55" s="154" t="s">
        <v>221</v>
      </c>
      <c r="B55" s="154" t="s">
        <v>318</v>
      </c>
      <c r="C55" s="154" t="s">
        <v>345</v>
      </c>
      <c r="K55" s="157" t="str">
        <f t="shared" si="0"/>
        <v>JW024205S外窓交換（防火・防風・防犯仕様）</v>
      </c>
      <c r="L55" s="162" t="str">
        <f t="shared" si="1"/>
        <v>JW024205S外窓交換（防火・防風・防犯仕様）S</v>
      </c>
      <c r="M55" s="154" t="s">
        <v>1064</v>
      </c>
      <c r="N55" s="154" t="s">
        <v>602</v>
      </c>
      <c r="O55" s="154" t="s">
        <v>663</v>
      </c>
      <c r="P55" s="154" t="s">
        <v>171</v>
      </c>
      <c r="Q55" s="154" t="s">
        <v>1065</v>
      </c>
      <c r="R55" s="154" t="s">
        <v>547</v>
      </c>
      <c r="S55" s="154" t="s">
        <v>172</v>
      </c>
      <c r="T55" s="154" t="s">
        <v>548</v>
      </c>
    </row>
    <row r="56" spans="1:20" x14ac:dyDescent="0.2">
      <c r="A56" s="154" t="s">
        <v>222</v>
      </c>
      <c r="B56" s="154" t="s">
        <v>318</v>
      </c>
      <c r="C56" s="154" t="s">
        <v>346</v>
      </c>
      <c r="K56" s="157" t="str">
        <f t="shared" si="0"/>
        <v>JW024206A外窓交換（防火・防風・防犯仕様）</v>
      </c>
      <c r="L56" s="162" t="str">
        <f t="shared" si="1"/>
        <v>JW024206A外窓交換（防火・防風・防犯仕様）A</v>
      </c>
      <c r="M56" s="154" t="s">
        <v>1066</v>
      </c>
      <c r="N56" s="154" t="s">
        <v>602</v>
      </c>
      <c r="O56" s="154" t="s">
        <v>663</v>
      </c>
      <c r="P56" s="154" t="s">
        <v>171</v>
      </c>
      <c r="Q56" s="154" t="s">
        <v>1067</v>
      </c>
      <c r="R56" s="154" t="s">
        <v>549</v>
      </c>
      <c r="S56" s="154" t="s">
        <v>172</v>
      </c>
      <c r="T56" s="154" t="s">
        <v>550</v>
      </c>
    </row>
    <row r="57" spans="1:20" x14ac:dyDescent="0.2">
      <c r="A57" s="154" t="s">
        <v>223</v>
      </c>
      <c r="B57" s="154" t="s">
        <v>318</v>
      </c>
      <c r="C57" s="154" t="s">
        <v>688</v>
      </c>
      <c r="K57" s="157" t="str">
        <f t="shared" si="0"/>
        <v>JW024207S外窓交換（防火・防風・防犯仕様）</v>
      </c>
      <c r="L57" s="162" t="str">
        <f t="shared" si="1"/>
        <v>JW024207S外窓交換（防火・防風・防犯仕様）S</v>
      </c>
      <c r="M57" s="154" t="s">
        <v>1068</v>
      </c>
      <c r="N57" s="154" t="s">
        <v>602</v>
      </c>
      <c r="O57" s="154" t="s">
        <v>663</v>
      </c>
      <c r="P57" s="154" t="s">
        <v>171</v>
      </c>
      <c r="Q57" s="154" t="s">
        <v>1149</v>
      </c>
      <c r="R57" s="154" t="s">
        <v>1160</v>
      </c>
      <c r="S57" s="154" t="s">
        <v>172</v>
      </c>
      <c r="T57" s="154" t="s">
        <v>551</v>
      </c>
    </row>
    <row r="58" spans="1:20" x14ac:dyDescent="0.2">
      <c r="A58" s="154" t="s">
        <v>224</v>
      </c>
      <c r="B58" s="154" t="s">
        <v>318</v>
      </c>
      <c r="C58" s="154" t="s">
        <v>689</v>
      </c>
      <c r="K58" s="157" t="str">
        <f t="shared" si="0"/>
        <v>JW024208S外窓交換（防火・防風・防犯仕様）</v>
      </c>
      <c r="L58" s="162" t="str">
        <f t="shared" si="1"/>
        <v>JW024208S外窓交換（防火・防風・防犯仕様）S</v>
      </c>
      <c r="M58" s="154" t="s">
        <v>1069</v>
      </c>
      <c r="N58" s="154" t="s">
        <v>602</v>
      </c>
      <c r="O58" s="154" t="s">
        <v>663</v>
      </c>
      <c r="P58" s="154" t="s">
        <v>171</v>
      </c>
      <c r="Q58" s="154" t="s">
        <v>1150</v>
      </c>
      <c r="R58" s="154" t="s">
        <v>1286</v>
      </c>
      <c r="S58" s="154" t="s">
        <v>453</v>
      </c>
      <c r="T58" s="154" t="s">
        <v>552</v>
      </c>
    </row>
    <row r="59" spans="1:20" x14ac:dyDescent="0.2">
      <c r="A59" s="154" t="s">
        <v>225</v>
      </c>
      <c r="B59" s="154" t="s">
        <v>318</v>
      </c>
      <c r="C59" s="154" t="s">
        <v>690</v>
      </c>
      <c r="K59" s="157" t="str">
        <f t="shared" si="0"/>
        <v>JW024209A外窓交換（防火・防風・防犯仕様）</v>
      </c>
      <c r="L59" s="162" t="str">
        <f t="shared" si="1"/>
        <v>JW024209A外窓交換（防火・防風・防犯仕様）A</v>
      </c>
      <c r="M59" s="154" t="s">
        <v>1070</v>
      </c>
      <c r="N59" s="154" t="s">
        <v>602</v>
      </c>
      <c r="O59" s="154" t="s">
        <v>663</v>
      </c>
      <c r="P59" s="154" t="s">
        <v>171</v>
      </c>
      <c r="Q59" s="154" t="s">
        <v>1151</v>
      </c>
      <c r="R59" s="154" t="s">
        <v>1191</v>
      </c>
      <c r="S59" s="154" t="s">
        <v>171</v>
      </c>
      <c r="T59" s="154" t="s">
        <v>1192</v>
      </c>
    </row>
    <row r="60" spans="1:20" x14ac:dyDescent="0.2">
      <c r="A60" s="154" t="s">
        <v>226</v>
      </c>
      <c r="B60" s="154" t="s">
        <v>318</v>
      </c>
      <c r="C60" s="154" t="s">
        <v>691</v>
      </c>
      <c r="K60" s="157" t="str">
        <f t="shared" si="0"/>
        <v>JW024210A外窓交換（防火・防風・防犯仕様）</v>
      </c>
      <c r="L60" s="162" t="str">
        <f t="shared" si="1"/>
        <v>JW024210A外窓交換（防火・防風・防犯仕様）A</v>
      </c>
      <c r="M60" s="154" t="s">
        <v>1071</v>
      </c>
      <c r="N60" s="154" t="s">
        <v>602</v>
      </c>
      <c r="O60" s="154" t="s">
        <v>663</v>
      </c>
      <c r="P60" s="154" t="s">
        <v>171</v>
      </c>
      <c r="Q60" s="154" t="s">
        <v>1152</v>
      </c>
      <c r="R60" s="154" t="s">
        <v>1193</v>
      </c>
      <c r="S60" s="154" t="s">
        <v>171</v>
      </c>
      <c r="T60" s="154" t="s">
        <v>1194</v>
      </c>
    </row>
    <row r="61" spans="1:20" x14ac:dyDescent="0.2">
      <c r="A61" s="154" t="s">
        <v>227</v>
      </c>
      <c r="B61" s="154" t="s">
        <v>318</v>
      </c>
      <c r="C61" s="154" t="s">
        <v>692</v>
      </c>
      <c r="K61" s="157" t="str">
        <f t="shared" si="0"/>
        <v>JW024211S外窓交換（防火・防風・防犯仕様）</v>
      </c>
      <c r="L61" s="162" t="str">
        <f t="shared" si="1"/>
        <v>JW024211S外窓交換（防火・防風・防犯仕様）S</v>
      </c>
      <c r="M61" s="154" t="s">
        <v>1072</v>
      </c>
      <c r="N61" s="154" t="s">
        <v>602</v>
      </c>
      <c r="O61" s="154" t="s">
        <v>663</v>
      </c>
      <c r="P61" s="154" t="s">
        <v>171</v>
      </c>
      <c r="Q61" s="154" t="s">
        <v>1073</v>
      </c>
      <c r="R61" s="154" t="s">
        <v>1195</v>
      </c>
      <c r="S61" s="154" t="s">
        <v>171</v>
      </c>
      <c r="T61" s="154" t="s">
        <v>1196</v>
      </c>
    </row>
    <row r="62" spans="1:20" x14ac:dyDescent="0.2">
      <c r="A62" s="154" t="s">
        <v>228</v>
      </c>
      <c r="B62" s="154" t="s">
        <v>318</v>
      </c>
      <c r="C62" s="154" t="s">
        <v>693</v>
      </c>
      <c r="K62" s="157" t="str">
        <f t="shared" si="0"/>
        <v>JW024212S外窓交換（防火・防風・防犯仕様）</v>
      </c>
      <c r="L62" s="162" t="str">
        <f t="shared" si="1"/>
        <v>JW024212S外窓交換（防火・防風・防犯仕様）S</v>
      </c>
      <c r="M62" s="154" t="s">
        <v>1074</v>
      </c>
      <c r="N62" s="154" t="s">
        <v>602</v>
      </c>
      <c r="O62" s="154" t="s">
        <v>663</v>
      </c>
      <c r="P62" s="154" t="s">
        <v>171</v>
      </c>
      <c r="Q62" s="154" t="s">
        <v>1075</v>
      </c>
      <c r="R62" s="154" t="s">
        <v>1197</v>
      </c>
      <c r="S62" s="154" t="s">
        <v>171</v>
      </c>
      <c r="T62" s="154" t="s">
        <v>1198</v>
      </c>
    </row>
    <row r="63" spans="1:20" x14ac:dyDescent="0.2">
      <c r="A63" s="154" t="s">
        <v>229</v>
      </c>
      <c r="B63" s="154" t="s">
        <v>318</v>
      </c>
      <c r="C63" s="154" t="s">
        <v>694</v>
      </c>
      <c r="K63" s="157" t="str">
        <f t="shared" si="0"/>
        <v>JW024213A外窓交換（防火・防風・防犯仕様）</v>
      </c>
      <c r="L63" s="162" t="str">
        <f t="shared" si="1"/>
        <v>JW024213A外窓交換（防火・防風・防犯仕様）A</v>
      </c>
      <c r="M63" s="154" t="s">
        <v>1076</v>
      </c>
      <c r="N63" s="154" t="s">
        <v>602</v>
      </c>
      <c r="O63" s="154" t="s">
        <v>663</v>
      </c>
      <c r="P63" s="154" t="s">
        <v>171</v>
      </c>
      <c r="Q63" s="154" t="s">
        <v>1077</v>
      </c>
      <c r="R63" s="154" t="s">
        <v>1199</v>
      </c>
      <c r="S63" s="154" t="s">
        <v>171</v>
      </c>
      <c r="T63" s="154" t="s">
        <v>1200</v>
      </c>
    </row>
    <row r="64" spans="1:20" x14ac:dyDescent="0.2">
      <c r="A64" s="154" t="s">
        <v>230</v>
      </c>
      <c r="B64" s="154" t="s">
        <v>318</v>
      </c>
      <c r="C64" s="154" t="s">
        <v>695</v>
      </c>
      <c r="K64" s="157" t="str">
        <f t="shared" si="0"/>
        <v>JW024214S外窓交換（防火・防風・防犯仕様）</v>
      </c>
      <c r="L64" s="162" t="str">
        <f t="shared" si="1"/>
        <v>JW024214S外窓交換（防火・防風・防犯仕様）S</v>
      </c>
      <c r="M64" s="154" t="s">
        <v>1078</v>
      </c>
      <c r="N64" s="154" t="s">
        <v>602</v>
      </c>
      <c r="O64" s="154" t="s">
        <v>663</v>
      </c>
      <c r="P64" s="154" t="s">
        <v>171</v>
      </c>
      <c r="Q64" s="154" t="s">
        <v>1079</v>
      </c>
      <c r="R64" s="154" t="s">
        <v>1201</v>
      </c>
      <c r="S64" s="154" t="s">
        <v>171</v>
      </c>
      <c r="T64" s="154" t="s">
        <v>1202</v>
      </c>
    </row>
    <row r="65" spans="1:20" x14ac:dyDescent="0.2">
      <c r="A65" s="154" t="s">
        <v>231</v>
      </c>
      <c r="B65" s="154" t="s">
        <v>318</v>
      </c>
      <c r="C65" s="154" t="s">
        <v>696</v>
      </c>
      <c r="K65" s="157" t="str">
        <f t="shared" si="0"/>
        <v>JW024215S外窓交換（防火・防風・防犯仕様）</v>
      </c>
      <c r="L65" s="162" t="str">
        <f t="shared" si="1"/>
        <v>JW024215S外窓交換（防火・防風・防犯仕様）S</v>
      </c>
      <c r="M65" s="154" t="s">
        <v>1080</v>
      </c>
      <c r="N65" s="154" t="s">
        <v>602</v>
      </c>
      <c r="O65" s="154" t="s">
        <v>663</v>
      </c>
      <c r="P65" s="154" t="s">
        <v>171</v>
      </c>
      <c r="Q65" s="154" t="s">
        <v>1081</v>
      </c>
      <c r="R65" s="154" t="s">
        <v>1203</v>
      </c>
      <c r="S65" s="154" t="s">
        <v>171</v>
      </c>
      <c r="T65" s="154" t="s">
        <v>1204</v>
      </c>
    </row>
    <row r="66" spans="1:20" x14ac:dyDescent="0.2">
      <c r="A66" s="154" t="s">
        <v>232</v>
      </c>
      <c r="B66" s="154" t="s">
        <v>318</v>
      </c>
      <c r="C66" s="154" t="s">
        <v>697</v>
      </c>
      <c r="K66" s="157" t="str">
        <f t="shared" si="0"/>
        <v>JW024216A外窓交換（防火・防風・防犯仕様）</v>
      </c>
      <c r="L66" s="162" t="str">
        <f t="shared" si="1"/>
        <v>JW024216A外窓交換（防火・防風・防犯仕様）A</v>
      </c>
      <c r="M66" s="154" t="s">
        <v>1082</v>
      </c>
      <c r="N66" s="154" t="s">
        <v>602</v>
      </c>
      <c r="O66" s="154" t="s">
        <v>663</v>
      </c>
      <c r="P66" s="154" t="s">
        <v>171</v>
      </c>
      <c r="Q66" s="154" t="s">
        <v>1083</v>
      </c>
      <c r="R66" s="154" t="s">
        <v>1205</v>
      </c>
      <c r="S66" s="154" t="s">
        <v>171</v>
      </c>
      <c r="T66" s="154" t="s">
        <v>1206</v>
      </c>
    </row>
    <row r="67" spans="1:20" x14ac:dyDescent="0.2">
      <c r="A67" s="154" t="s">
        <v>233</v>
      </c>
      <c r="B67" s="154" t="s">
        <v>318</v>
      </c>
      <c r="C67" s="154" t="s">
        <v>698</v>
      </c>
      <c r="K67" s="157" t="str">
        <f t="shared" si="0"/>
        <v>JW024217S外窓交換（防火・防風・防犯仕様）</v>
      </c>
      <c r="L67" s="162" t="str">
        <f t="shared" si="1"/>
        <v>JW024217S外窓交換（防火・防風・防犯仕様）S</v>
      </c>
      <c r="M67" s="154" t="s">
        <v>1084</v>
      </c>
      <c r="N67" s="154" t="s">
        <v>602</v>
      </c>
      <c r="O67" s="154" t="s">
        <v>663</v>
      </c>
      <c r="P67" s="154" t="s">
        <v>171</v>
      </c>
      <c r="Q67" s="154" t="s">
        <v>1153</v>
      </c>
      <c r="R67" s="154" t="s">
        <v>1252</v>
      </c>
      <c r="S67" s="154" t="s">
        <v>171</v>
      </c>
      <c r="T67" s="154" t="s">
        <v>1253</v>
      </c>
    </row>
    <row r="68" spans="1:20" x14ac:dyDescent="0.2">
      <c r="A68" s="154" t="s">
        <v>234</v>
      </c>
      <c r="B68" s="154" t="s">
        <v>318</v>
      </c>
      <c r="C68" s="154" t="s">
        <v>699</v>
      </c>
      <c r="K68" s="157" t="str">
        <f t="shared" si="0"/>
        <v>JW024218S外窓交換（防火・防風・防犯仕様）</v>
      </c>
      <c r="L68" s="162" t="str">
        <f t="shared" si="1"/>
        <v>JW024218S外窓交換（防火・防風・防犯仕様）S</v>
      </c>
      <c r="M68" s="154" t="s">
        <v>1085</v>
      </c>
      <c r="N68" s="154" t="s">
        <v>602</v>
      </c>
      <c r="O68" s="154" t="s">
        <v>663</v>
      </c>
      <c r="P68" s="154" t="s">
        <v>171</v>
      </c>
      <c r="Q68" s="154" t="s">
        <v>1154</v>
      </c>
      <c r="R68" s="154" t="s">
        <v>1287</v>
      </c>
      <c r="S68" s="154" t="s">
        <v>171</v>
      </c>
      <c r="T68" s="154" t="s">
        <v>1254</v>
      </c>
    </row>
    <row r="69" spans="1:20" x14ac:dyDescent="0.2">
      <c r="A69" s="154" t="s">
        <v>235</v>
      </c>
      <c r="B69" s="154" t="s">
        <v>347</v>
      </c>
      <c r="C69" s="154" t="s">
        <v>348</v>
      </c>
      <c r="K69" s="157" t="str">
        <f t="shared" ref="K69:K132" si="2">M69&amp;O69</f>
        <v>JW024219A外窓交換（防火・防風・防犯仕様）</v>
      </c>
      <c r="L69" s="162" t="str">
        <f t="shared" ref="L69:L132" si="3">M69&amp;O69&amp;(IF(M69&lt;&gt;"", RIGHT(M69,1),""))</f>
        <v>JW024219A外窓交換（防火・防風・防犯仕様）A</v>
      </c>
      <c r="M69" s="154" t="s">
        <v>1086</v>
      </c>
      <c r="N69" s="154" t="s">
        <v>602</v>
      </c>
      <c r="O69" s="154" t="s">
        <v>663</v>
      </c>
      <c r="P69" s="154" t="s">
        <v>171</v>
      </c>
      <c r="Q69" s="154" t="s">
        <v>1155</v>
      </c>
      <c r="R69" s="154" t="s">
        <v>1255</v>
      </c>
      <c r="S69" s="154" t="s">
        <v>171</v>
      </c>
      <c r="T69" s="154" t="s">
        <v>1256</v>
      </c>
    </row>
    <row r="70" spans="1:20" x14ac:dyDescent="0.2">
      <c r="A70" s="154" t="s">
        <v>236</v>
      </c>
      <c r="B70" s="154" t="s">
        <v>347</v>
      </c>
      <c r="C70" s="154" t="s">
        <v>349</v>
      </c>
      <c r="K70" s="157" t="str">
        <f t="shared" si="2"/>
        <v>JW024220A外窓交換（防火・防風・防犯仕様）</v>
      </c>
      <c r="L70" s="162" t="str">
        <f t="shared" si="3"/>
        <v>JW024220A外窓交換（防火・防風・防犯仕様）A</v>
      </c>
      <c r="M70" s="154" t="s">
        <v>1087</v>
      </c>
      <c r="N70" s="154" t="s">
        <v>602</v>
      </c>
      <c r="O70" s="154" t="s">
        <v>663</v>
      </c>
      <c r="P70" s="154" t="s">
        <v>171</v>
      </c>
      <c r="Q70" s="154" t="s">
        <v>1156</v>
      </c>
      <c r="R70" s="154" t="s">
        <v>1257</v>
      </c>
      <c r="S70" s="154" t="s">
        <v>171</v>
      </c>
      <c r="T70" s="154" t="s">
        <v>1258</v>
      </c>
    </row>
    <row r="71" spans="1:20" x14ac:dyDescent="0.2">
      <c r="A71" s="154" t="s">
        <v>237</v>
      </c>
      <c r="B71" s="154" t="s">
        <v>347</v>
      </c>
      <c r="C71" s="154" t="s">
        <v>350</v>
      </c>
      <c r="K71" s="157" t="str">
        <f t="shared" si="2"/>
        <v>JW024221A外窓交換（防火・防風・防犯仕様）</v>
      </c>
      <c r="L71" s="162" t="str">
        <f t="shared" si="3"/>
        <v>JW024221A外窓交換（防火・防風・防犯仕様）A</v>
      </c>
      <c r="M71" s="154" t="s">
        <v>1088</v>
      </c>
      <c r="N71" s="154" t="s">
        <v>602</v>
      </c>
      <c r="O71" s="154" t="s">
        <v>663</v>
      </c>
      <c r="P71" s="154" t="s">
        <v>171</v>
      </c>
      <c r="Q71" s="154" t="s">
        <v>1089</v>
      </c>
      <c r="R71" s="154" t="s">
        <v>1259</v>
      </c>
      <c r="S71" s="154" t="s">
        <v>171</v>
      </c>
      <c r="T71" s="154" t="s">
        <v>1260</v>
      </c>
    </row>
    <row r="72" spans="1:20" x14ac:dyDescent="0.2">
      <c r="A72" s="154" t="s">
        <v>238</v>
      </c>
      <c r="B72" s="154" t="s">
        <v>347</v>
      </c>
      <c r="C72" s="154" t="s">
        <v>351</v>
      </c>
      <c r="K72" s="157" t="str">
        <f t="shared" si="2"/>
        <v>JW024222A外窓交換（防火・防風・防犯仕様）</v>
      </c>
      <c r="L72" s="162" t="str">
        <f t="shared" si="3"/>
        <v>JW024222A外窓交換（防火・防風・防犯仕様）A</v>
      </c>
      <c r="M72" s="154" t="s">
        <v>1090</v>
      </c>
      <c r="N72" s="154" t="s">
        <v>602</v>
      </c>
      <c r="O72" s="154" t="s">
        <v>663</v>
      </c>
      <c r="P72" s="154" t="s">
        <v>171</v>
      </c>
      <c r="Q72" s="154" t="s">
        <v>1091</v>
      </c>
      <c r="R72" s="154" t="s">
        <v>1261</v>
      </c>
      <c r="S72" s="154" t="s">
        <v>171</v>
      </c>
      <c r="T72" s="154" t="s">
        <v>1262</v>
      </c>
    </row>
    <row r="73" spans="1:20" x14ac:dyDescent="0.2">
      <c r="A73" s="154" t="s">
        <v>239</v>
      </c>
      <c r="B73" s="154" t="s">
        <v>347</v>
      </c>
      <c r="C73" s="154" t="s">
        <v>352</v>
      </c>
      <c r="K73" s="157" t="str">
        <f t="shared" si="2"/>
        <v>JW024223S外窓交換（防火・防風・防犯仕様）</v>
      </c>
      <c r="L73" s="162" t="str">
        <f t="shared" si="3"/>
        <v>JW024223S外窓交換（防火・防風・防犯仕様）S</v>
      </c>
      <c r="M73" s="154" t="s">
        <v>1092</v>
      </c>
      <c r="N73" s="154" t="s">
        <v>602</v>
      </c>
      <c r="O73" s="154" t="s">
        <v>663</v>
      </c>
      <c r="P73" s="154" t="s">
        <v>171</v>
      </c>
      <c r="Q73" s="154" t="s">
        <v>1093</v>
      </c>
      <c r="R73" s="154" t="s">
        <v>1263</v>
      </c>
      <c r="S73" s="154" t="s">
        <v>171</v>
      </c>
      <c r="T73" s="154" t="s">
        <v>1264</v>
      </c>
    </row>
    <row r="74" spans="1:20" x14ac:dyDescent="0.2">
      <c r="A74" s="154" t="s">
        <v>240</v>
      </c>
      <c r="B74" s="154" t="s">
        <v>347</v>
      </c>
      <c r="C74" s="154" t="s">
        <v>353</v>
      </c>
      <c r="K74" s="157" t="str">
        <f t="shared" si="2"/>
        <v>JW024224S外窓交換（防火・防風・防犯仕様）</v>
      </c>
      <c r="L74" s="162" t="str">
        <f t="shared" si="3"/>
        <v>JW024224S外窓交換（防火・防風・防犯仕様）S</v>
      </c>
      <c r="M74" s="154" t="s">
        <v>1094</v>
      </c>
      <c r="N74" s="154" t="s">
        <v>602</v>
      </c>
      <c r="O74" s="154" t="s">
        <v>663</v>
      </c>
      <c r="P74" s="154" t="s">
        <v>171</v>
      </c>
      <c r="Q74" s="154" t="s">
        <v>1095</v>
      </c>
      <c r="R74" s="154" t="s">
        <v>1265</v>
      </c>
      <c r="S74" s="154" t="s">
        <v>171</v>
      </c>
      <c r="T74" s="154" t="s">
        <v>1266</v>
      </c>
    </row>
    <row r="75" spans="1:20" x14ac:dyDescent="0.2">
      <c r="A75" s="154" t="s">
        <v>241</v>
      </c>
      <c r="B75" s="154" t="s">
        <v>347</v>
      </c>
      <c r="C75" s="154" t="s">
        <v>354</v>
      </c>
      <c r="K75" s="157" t="str">
        <f t="shared" si="2"/>
        <v>JW024225S外窓交換（防火・防風・防犯仕様）</v>
      </c>
      <c r="L75" s="162" t="str">
        <f t="shared" si="3"/>
        <v>JW024225S外窓交換（防火・防風・防犯仕様）S</v>
      </c>
      <c r="M75" s="154" t="s">
        <v>1096</v>
      </c>
      <c r="N75" s="154" t="s">
        <v>602</v>
      </c>
      <c r="O75" s="154" t="s">
        <v>663</v>
      </c>
      <c r="P75" s="154" t="s">
        <v>171</v>
      </c>
      <c r="Q75" s="154" t="s">
        <v>1097</v>
      </c>
      <c r="R75" s="154" t="s">
        <v>1267</v>
      </c>
      <c r="S75" s="154" t="s">
        <v>171</v>
      </c>
      <c r="T75" s="154" t="s">
        <v>1268</v>
      </c>
    </row>
    <row r="76" spans="1:20" x14ac:dyDescent="0.2">
      <c r="A76" s="154" t="s">
        <v>242</v>
      </c>
      <c r="B76" s="154" t="s">
        <v>347</v>
      </c>
      <c r="C76" s="154" t="s">
        <v>355</v>
      </c>
      <c r="K76" s="157" t="str">
        <f t="shared" si="2"/>
        <v>JW024226S外窓交換（防火・防風・防犯仕様）</v>
      </c>
      <c r="L76" s="162" t="str">
        <f t="shared" si="3"/>
        <v>JW024226S外窓交換（防火・防風・防犯仕様）S</v>
      </c>
      <c r="M76" s="154" t="s">
        <v>1098</v>
      </c>
      <c r="N76" s="154" t="s">
        <v>602</v>
      </c>
      <c r="O76" s="154" t="s">
        <v>663</v>
      </c>
      <c r="P76" s="154" t="s">
        <v>171</v>
      </c>
      <c r="Q76" s="154" t="s">
        <v>1157</v>
      </c>
      <c r="R76" s="154" t="s">
        <v>1269</v>
      </c>
      <c r="S76" s="154" t="s">
        <v>171</v>
      </c>
      <c r="T76" s="154" t="s">
        <v>481</v>
      </c>
    </row>
    <row r="77" spans="1:20" x14ac:dyDescent="0.2">
      <c r="A77" s="154" t="s">
        <v>243</v>
      </c>
      <c r="B77" s="154" t="s">
        <v>347</v>
      </c>
      <c r="C77" s="154" t="s">
        <v>356</v>
      </c>
      <c r="K77" s="157" t="str">
        <f t="shared" si="2"/>
        <v>JW024227S外窓交換（防火・防風・防犯仕様）</v>
      </c>
      <c r="L77" s="162" t="str">
        <f t="shared" si="3"/>
        <v>JW024227S外窓交換（防火・防風・防犯仕様）S</v>
      </c>
      <c r="M77" s="154" t="s">
        <v>1099</v>
      </c>
      <c r="N77" s="154" t="s">
        <v>602</v>
      </c>
      <c r="O77" s="154" t="s">
        <v>663</v>
      </c>
      <c r="P77" s="154" t="s">
        <v>171</v>
      </c>
      <c r="Q77" s="154" t="s">
        <v>1158</v>
      </c>
      <c r="R77" s="154" t="s">
        <v>1270</v>
      </c>
      <c r="S77" s="154" t="s">
        <v>171</v>
      </c>
      <c r="T77" s="154" t="s">
        <v>1271</v>
      </c>
    </row>
    <row r="78" spans="1:20" x14ac:dyDescent="0.2">
      <c r="A78" s="154" t="s">
        <v>244</v>
      </c>
      <c r="B78" s="154" t="s">
        <v>347</v>
      </c>
      <c r="C78" s="154" t="s">
        <v>357</v>
      </c>
      <c r="K78" s="157" t="str">
        <f t="shared" si="2"/>
        <v>JW024228S外窓交換（防火・防風・防犯仕様）</v>
      </c>
      <c r="L78" s="162" t="str">
        <f t="shared" si="3"/>
        <v>JW024228S外窓交換（防火・防風・防犯仕様）S</v>
      </c>
      <c r="M78" s="154" t="s">
        <v>1100</v>
      </c>
      <c r="N78" s="154" t="s">
        <v>602</v>
      </c>
      <c r="O78" s="154" t="s">
        <v>663</v>
      </c>
      <c r="P78" s="154" t="s">
        <v>171</v>
      </c>
      <c r="Q78" s="154" t="s">
        <v>1159</v>
      </c>
      <c r="R78" s="154" t="s">
        <v>1272</v>
      </c>
      <c r="S78" s="154" t="s">
        <v>171</v>
      </c>
      <c r="T78" s="154" t="s">
        <v>1273</v>
      </c>
    </row>
    <row r="79" spans="1:20" x14ac:dyDescent="0.2">
      <c r="A79" s="154" t="s">
        <v>245</v>
      </c>
      <c r="B79" s="154" t="s">
        <v>347</v>
      </c>
      <c r="C79" s="154" t="s">
        <v>358</v>
      </c>
      <c r="K79" s="157" t="str">
        <f t="shared" si="2"/>
        <v>JW024229S外窓交換（防火・防風・防犯仕様）</v>
      </c>
      <c r="L79" s="162" t="str">
        <f t="shared" si="3"/>
        <v>JW024229S外窓交換（防火・防風・防犯仕様）S</v>
      </c>
      <c r="M79" s="154" t="s">
        <v>1101</v>
      </c>
      <c r="N79" s="154" t="s">
        <v>602</v>
      </c>
      <c r="O79" s="154" t="s">
        <v>663</v>
      </c>
      <c r="P79" s="154" t="s">
        <v>171</v>
      </c>
      <c r="Q79" s="154" t="s">
        <v>1102</v>
      </c>
      <c r="R79" s="154" t="s">
        <v>1288</v>
      </c>
      <c r="S79" s="154" t="s">
        <v>171</v>
      </c>
      <c r="T79" s="154" t="s">
        <v>1274</v>
      </c>
    </row>
    <row r="80" spans="1:20" x14ac:dyDescent="0.2">
      <c r="A80" s="154" t="s">
        <v>246</v>
      </c>
      <c r="B80" s="154" t="s">
        <v>347</v>
      </c>
      <c r="C80" s="154" t="s">
        <v>359</v>
      </c>
      <c r="K80" s="157" t="str">
        <f t="shared" si="2"/>
        <v>JW024230S外窓交換（防火・防風・防犯仕様）</v>
      </c>
      <c r="L80" s="162" t="str">
        <f t="shared" si="3"/>
        <v>JW024230S外窓交換（防火・防風・防犯仕様）S</v>
      </c>
      <c r="M80" s="154" t="s">
        <v>1103</v>
      </c>
      <c r="N80" s="154" t="s">
        <v>602</v>
      </c>
      <c r="O80" s="154" t="s">
        <v>663</v>
      </c>
      <c r="P80" s="154" t="s">
        <v>171</v>
      </c>
      <c r="Q80" s="154" t="s">
        <v>1104</v>
      </c>
    </row>
    <row r="81" spans="1:17" x14ac:dyDescent="0.2">
      <c r="A81" s="154" t="s">
        <v>247</v>
      </c>
      <c r="B81" s="154" t="s">
        <v>347</v>
      </c>
      <c r="C81" s="154" t="s">
        <v>360</v>
      </c>
      <c r="K81" s="157" t="str">
        <f t="shared" si="2"/>
        <v>JW024231S外窓交換（防火・防風・防犯仕様）</v>
      </c>
      <c r="L81" s="162" t="str">
        <f t="shared" si="3"/>
        <v>JW024231S外窓交換（防火・防風・防犯仕様）S</v>
      </c>
      <c r="M81" s="154" t="s">
        <v>1105</v>
      </c>
      <c r="N81" s="154" t="s">
        <v>602</v>
      </c>
      <c r="O81" s="154" t="s">
        <v>663</v>
      </c>
      <c r="P81" s="154" t="s">
        <v>171</v>
      </c>
      <c r="Q81" s="154" t="s">
        <v>1106</v>
      </c>
    </row>
    <row r="82" spans="1:17" x14ac:dyDescent="0.2">
      <c r="A82" s="154" t="s">
        <v>248</v>
      </c>
      <c r="B82" s="154" t="s">
        <v>347</v>
      </c>
      <c r="C82" s="154" t="s">
        <v>361</v>
      </c>
      <c r="K82" s="157" t="str">
        <f t="shared" si="2"/>
        <v>JW024232S外窓交換（防火・防風・防犯仕様）</v>
      </c>
      <c r="L82" s="162" t="str">
        <f t="shared" si="3"/>
        <v>JW024232S外窓交換（防火・防風・防犯仕様）S</v>
      </c>
      <c r="M82" s="154" t="s">
        <v>1107</v>
      </c>
      <c r="N82" s="154" t="s">
        <v>602</v>
      </c>
      <c r="O82" s="154" t="s">
        <v>663</v>
      </c>
      <c r="P82" s="154" t="s">
        <v>171</v>
      </c>
      <c r="Q82" s="154" t="s">
        <v>1108</v>
      </c>
    </row>
    <row r="83" spans="1:17" x14ac:dyDescent="0.2">
      <c r="A83" s="154" t="s">
        <v>249</v>
      </c>
      <c r="B83" s="154" t="s">
        <v>347</v>
      </c>
      <c r="C83" s="154" t="s">
        <v>362</v>
      </c>
      <c r="K83" s="157" t="str">
        <f t="shared" si="2"/>
        <v>JW024233S外窓交換（防火・防風・防犯仕様）</v>
      </c>
      <c r="L83" s="162" t="str">
        <f t="shared" si="3"/>
        <v>JW024233S外窓交換（防火・防風・防犯仕様）S</v>
      </c>
      <c r="M83" s="154" t="s">
        <v>1109</v>
      </c>
      <c r="N83" s="154" t="s">
        <v>602</v>
      </c>
      <c r="O83" s="154" t="s">
        <v>663</v>
      </c>
      <c r="P83" s="154" t="s">
        <v>171</v>
      </c>
      <c r="Q83" s="154" t="s">
        <v>1110</v>
      </c>
    </row>
    <row r="84" spans="1:17" x14ac:dyDescent="0.2">
      <c r="A84" s="154" t="s">
        <v>250</v>
      </c>
      <c r="B84" s="154" t="s">
        <v>347</v>
      </c>
      <c r="C84" s="154" t="s">
        <v>363</v>
      </c>
      <c r="K84" s="157" t="str">
        <f t="shared" si="2"/>
        <v>JW024234A外窓交換（防火・防風・防犯仕様）</v>
      </c>
      <c r="L84" s="162" t="str">
        <f t="shared" si="3"/>
        <v>JW024234A外窓交換（防火・防風・防犯仕様）A</v>
      </c>
      <c r="M84" s="154" t="s">
        <v>1111</v>
      </c>
      <c r="N84" s="154" t="s">
        <v>602</v>
      </c>
      <c r="O84" s="154" t="s">
        <v>663</v>
      </c>
      <c r="P84" s="154" t="s">
        <v>171</v>
      </c>
      <c r="Q84" s="154" t="s">
        <v>1112</v>
      </c>
    </row>
    <row r="85" spans="1:17" x14ac:dyDescent="0.2">
      <c r="A85" s="154" t="s">
        <v>251</v>
      </c>
      <c r="B85" s="154" t="s">
        <v>347</v>
      </c>
      <c r="C85" s="154" t="s">
        <v>364</v>
      </c>
      <c r="K85" s="157" t="str">
        <f t="shared" si="2"/>
        <v>JW025101A外窓交換（防火・防風・防犯仕様）</v>
      </c>
      <c r="L85" s="162" t="str">
        <f t="shared" si="3"/>
        <v>JW025101A外窓交換（防火・防風・防犯仕様）A</v>
      </c>
      <c r="M85" s="154" t="s">
        <v>747</v>
      </c>
      <c r="N85" s="154" t="s">
        <v>602</v>
      </c>
      <c r="O85" s="154" t="s">
        <v>663</v>
      </c>
      <c r="P85" s="154" t="s">
        <v>171</v>
      </c>
      <c r="Q85" s="154" t="s">
        <v>678</v>
      </c>
    </row>
    <row r="86" spans="1:17" x14ac:dyDescent="0.2">
      <c r="A86" s="154" t="s">
        <v>252</v>
      </c>
      <c r="B86" s="154" t="s">
        <v>347</v>
      </c>
      <c r="C86" s="154" t="s">
        <v>365</v>
      </c>
      <c r="K86" s="157" t="str">
        <f t="shared" si="2"/>
        <v>JW025102A外窓交換（防火・防風・防犯仕様）</v>
      </c>
      <c r="L86" s="162" t="str">
        <f t="shared" si="3"/>
        <v>JW025102A外窓交換（防火・防風・防犯仕様）A</v>
      </c>
      <c r="M86" s="154" t="s">
        <v>748</v>
      </c>
      <c r="N86" s="154" t="s">
        <v>602</v>
      </c>
      <c r="O86" s="154" t="s">
        <v>663</v>
      </c>
      <c r="P86" s="154" t="s">
        <v>171</v>
      </c>
      <c r="Q86" s="154" t="s">
        <v>679</v>
      </c>
    </row>
    <row r="87" spans="1:17" x14ac:dyDescent="0.2">
      <c r="A87" s="154" t="s">
        <v>253</v>
      </c>
      <c r="B87" s="154" t="s">
        <v>347</v>
      </c>
      <c r="C87" s="154" t="s">
        <v>366</v>
      </c>
      <c r="K87" s="157" t="str">
        <f t="shared" si="2"/>
        <v>JW026101A外窓交換（防火・防風・防犯仕様）</v>
      </c>
      <c r="L87" s="162" t="str">
        <f t="shared" si="3"/>
        <v>JW026101A外窓交換（防火・防風・防犯仕様）A</v>
      </c>
      <c r="M87" s="154" t="s">
        <v>749</v>
      </c>
      <c r="N87" s="154" t="s">
        <v>602</v>
      </c>
      <c r="O87" s="154" t="s">
        <v>663</v>
      </c>
      <c r="P87" s="154" t="s">
        <v>171</v>
      </c>
      <c r="Q87" s="154" t="s">
        <v>680</v>
      </c>
    </row>
    <row r="88" spans="1:17" x14ac:dyDescent="0.2">
      <c r="A88" s="154" t="s">
        <v>254</v>
      </c>
      <c r="B88" s="154" t="s">
        <v>347</v>
      </c>
      <c r="C88" s="154" t="s">
        <v>367</v>
      </c>
      <c r="K88" s="157" t="str">
        <f t="shared" si="2"/>
        <v>JW027101A外窓交換（防火・防風・防犯仕様）</v>
      </c>
      <c r="L88" s="162" t="str">
        <f t="shared" si="3"/>
        <v>JW027101A外窓交換（防火・防風・防犯仕様）A</v>
      </c>
      <c r="M88" s="154" t="s">
        <v>750</v>
      </c>
      <c r="N88" s="154" t="s">
        <v>602</v>
      </c>
      <c r="O88" s="154" t="s">
        <v>663</v>
      </c>
      <c r="P88" s="154" t="s">
        <v>171</v>
      </c>
      <c r="Q88" s="154" t="s">
        <v>681</v>
      </c>
    </row>
    <row r="89" spans="1:17" x14ac:dyDescent="0.2">
      <c r="A89" s="154" t="s">
        <v>255</v>
      </c>
      <c r="B89" s="154" t="s">
        <v>347</v>
      </c>
      <c r="C89" s="154" t="s">
        <v>368</v>
      </c>
      <c r="K89" s="157" t="str">
        <f t="shared" si="2"/>
        <v>JW027102A外窓交換（防火・防風・防犯仕様）</v>
      </c>
      <c r="L89" s="162" t="str">
        <f t="shared" si="3"/>
        <v>JW027102A外窓交換（防火・防風・防犯仕様）A</v>
      </c>
      <c r="M89" s="154" t="s">
        <v>797</v>
      </c>
      <c r="N89" s="154" t="s">
        <v>602</v>
      </c>
      <c r="O89" s="154" t="s">
        <v>663</v>
      </c>
      <c r="P89" s="154" t="s">
        <v>171</v>
      </c>
      <c r="Q89" s="154" t="s">
        <v>682</v>
      </c>
    </row>
    <row r="90" spans="1:17" x14ac:dyDescent="0.2">
      <c r="A90" s="154" t="s">
        <v>256</v>
      </c>
      <c r="B90" s="154" t="s">
        <v>347</v>
      </c>
      <c r="C90" s="154" t="s">
        <v>369</v>
      </c>
      <c r="K90" s="157" t="str">
        <f t="shared" si="2"/>
        <v>JW027103S外窓交換（防火・防風・防犯仕様）</v>
      </c>
      <c r="L90" s="162" t="str">
        <f t="shared" si="3"/>
        <v>JW027103S外窓交換（防火・防風・防犯仕様）S</v>
      </c>
      <c r="M90" s="154" t="s">
        <v>751</v>
      </c>
      <c r="N90" s="154" t="s">
        <v>602</v>
      </c>
      <c r="O90" s="154" t="s">
        <v>663</v>
      </c>
      <c r="P90" s="154" t="s">
        <v>171</v>
      </c>
      <c r="Q90" s="154" t="s">
        <v>683</v>
      </c>
    </row>
    <row r="91" spans="1:17" x14ac:dyDescent="0.2">
      <c r="A91" s="154" t="s">
        <v>257</v>
      </c>
      <c r="B91" s="154" t="s">
        <v>347</v>
      </c>
      <c r="C91" s="154" t="s">
        <v>370</v>
      </c>
      <c r="K91" s="157" t="str">
        <f t="shared" si="2"/>
        <v>JW027104S外窓交換（防火・防風・防犯仕様）</v>
      </c>
      <c r="L91" s="162" t="str">
        <f t="shared" si="3"/>
        <v>JW027104S外窓交換（防火・防風・防犯仕様）S</v>
      </c>
      <c r="M91" s="154" t="s">
        <v>900</v>
      </c>
      <c r="N91" s="154" t="s">
        <v>602</v>
      </c>
      <c r="O91" s="154" t="s">
        <v>663</v>
      </c>
      <c r="P91" s="154" t="s">
        <v>171</v>
      </c>
      <c r="Q91" s="154" t="s">
        <v>684</v>
      </c>
    </row>
    <row r="92" spans="1:17" x14ac:dyDescent="0.2">
      <c r="A92" s="154" t="s">
        <v>258</v>
      </c>
      <c r="B92" s="154" t="s">
        <v>347</v>
      </c>
      <c r="C92" s="154" t="s">
        <v>371</v>
      </c>
      <c r="K92" s="157" t="str">
        <f t="shared" si="2"/>
        <v>JW027105S外窓交換（防火・防風・防犯仕様）</v>
      </c>
      <c r="L92" s="162" t="str">
        <f t="shared" si="3"/>
        <v>JW027105S外窓交換（防火・防風・防犯仕様）S</v>
      </c>
      <c r="M92" s="154" t="s">
        <v>752</v>
      </c>
      <c r="N92" s="154" t="s">
        <v>602</v>
      </c>
      <c r="O92" s="154" t="s">
        <v>663</v>
      </c>
      <c r="P92" s="154" t="s">
        <v>171</v>
      </c>
      <c r="Q92" s="154" t="s">
        <v>685</v>
      </c>
    </row>
    <row r="93" spans="1:17" x14ac:dyDescent="0.2">
      <c r="A93" s="154" t="s">
        <v>259</v>
      </c>
      <c r="B93" s="154" t="s">
        <v>347</v>
      </c>
      <c r="C93" s="154" t="s">
        <v>372</v>
      </c>
      <c r="K93" s="157" t="str">
        <f t="shared" si="2"/>
        <v>JW027106A外窓交換（防火・防風・防犯仕様）</v>
      </c>
      <c r="L93" s="162" t="str">
        <f t="shared" si="3"/>
        <v>JW027106A外窓交換（防火・防風・防犯仕様）A</v>
      </c>
      <c r="M93" s="154" t="s">
        <v>753</v>
      </c>
      <c r="N93" s="154" t="s">
        <v>602</v>
      </c>
      <c r="O93" s="154" t="s">
        <v>663</v>
      </c>
      <c r="P93" s="154" t="s">
        <v>171</v>
      </c>
      <c r="Q93" s="154" t="s">
        <v>686</v>
      </c>
    </row>
    <row r="94" spans="1:17" x14ac:dyDescent="0.2">
      <c r="A94" s="154" t="s">
        <v>260</v>
      </c>
      <c r="B94" s="154" t="s">
        <v>347</v>
      </c>
      <c r="C94" s="154" t="s">
        <v>373</v>
      </c>
      <c r="K94" s="157" t="str">
        <f t="shared" si="2"/>
        <v>JW028101A外窓交換（防火・防風・防犯仕様）</v>
      </c>
      <c r="L94" s="162" t="str">
        <f t="shared" si="3"/>
        <v>JW028101A外窓交換（防火・防風・防犯仕様）A</v>
      </c>
      <c r="M94" s="154" t="s">
        <v>754</v>
      </c>
      <c r="N94" s="154" t="s">
        <v>602</v>
      </c>
      <c r="O94" s="154" t="s">
        <v>663</v>
      </c>
      <c r="P94" s="154" t="s">
        <v>171</v>
      </c>
      <c r="Q94" s="154" t="s">
        <v>687</v>
      </c>
    </row>
    <row r="95" spans="1:17" x14ac:dyDescent="0.2">
      <c r="A95" s="154" t="s">
        <v>261</v>
      </c>
      <c r="B95" s="154" t="s">
        <v>347</v>
      </c>
      <c r="C95" s="154" t="s">
        <v>374</v>
      </c>
      <c r="K95" s="157" t="str">
        <f t="shared" si="2"/>
        <v>JW029031S外窓交換</v>
      </c>
      <c r="L95" s="162" t="str">
        <f t="shared" si="3"/>
        <v>JW029031S外窓交換S</v>
      </c>
      <c r="M95" s="154" t="s">
        <v>798</v>
      </c>
      <c r="N95" s="154" t="s">
        <v>671</v>
      </c>
      <c r="O95" s="154" t="s">
        <v>672</v>
      </c>
      <c r="P95" s="154" t="s">
        <v>171</v>
      </c>
      <c r="Q95" s="154" t="s">
        <v>799</v>
      </c>
    </row>
    <row r="96" spans="1:17" x14ac:dyDescent="0.2">
      <c r="A96" s="154" t="s">
        <v>262</v>
      </c>
      <c r="B96" s="154" t="s">
        <v>347</v>
      </c>
      <c r="C96" s="154" t="s">
        <v>375</v>
      </c>
      <c r="K96" s="157" t="str">
        <f t="shared" si="2"/>
        <v>JW029032S外窓交換</v>
      </c>
      <c r="L96" s="162" t="str">
        <f t="shared" si="3"/>
        <v>JW029032S外窓交換S</v>
      </c>
      <c r="M96" s="154" t="s">
        <v>800</v>
      </c>
      <c r="N96" s="154" t="s">
        <v>671</v>
      </c>
      <c r="O96" s="154" t="s">
        <v>672</v>
      </c>
      <c r="P96" s="154" t="s">
        <v>171</v>
      </c>
      <c r="Q96" s="154" t="s">
        <v>801</v>
      </c>
    </row>
    <row r="97" spans="1:17" x14ac:dyDescent="0.2">
      <c r="A97" s="154" t="s">
        <v>263</v>
      </c>
      <c r="B97" s="154" t="s">
        <v>347</v>
      </c>
      <c r="C97" s="154" t="s">
        <v>376</v>
      </c>
      <c r="K97" s="157" t="str">
        <f t="shared" si="2"/>
        <v>JW029033S外窓交換</v>
      </c>
      <c r="L97" s="162" t="str">
        <f t="shared" si="3"/>
        <v>JW029033S外窓交換S</v>
      </c>
      <c r="M97" s="154" t="s">
        <v>802</v>
      </c>
      <c r="N97" s="154" t="s">
        <v>671</v>
      </c>
      <c r="O97" s="154" t="s">
        <v>672</v>
      </c>
      <c r="P97" s="154" t="s">
        <v>171</v>
      </c>
      <c r="Q97" s="154" t="s">
        <v>803</v>
      </c>
    </row>
    <row r="98" spans="1:17" x14ac:dyDescent="0.2">
      <c r="A98" s="154" t="s">
        <v>721</v>
      </c>
      <c r="B98" s="154" t="s">
        <v>347</v>
      </c>
      <c r="C98" s="154" t="s">
        <v>377</v>
      </c>
      <c r="K98" s="157" t="str">
        <f t="shared" si="2"/>
        <v>JW029034S外窓交換</v>
      </c>
      <c r="L98" s="162" t="str">
        <f t="shared" si="3"/>
        <v>JW029034S外窓交換S</v>
      </c>
      <c r="M98" s="154" t="s">
        <v>804</v>
      </c>
      <c r="N98" s="154" t="s">
        <v>671</v>
      </c>
      <c r="O98" s="154" t="s">
        <v>672</v>
      </c>
      <c r="P98" s="154" t="s">
        <v>171</v>
      </c>
      <c r="Q98" s="154" t="s">
        <v>805</v>
      </c>
    </row>
    <row r="99" spans="1:17" x14ac:dyDescent="0.2">
      <c r="A99" s="154" t="s">
        <v>264</v>
      </c>
      <c r="B99" s="154" t="s">
        <v>347</v>
      </c>
      <c r="C99" s="154" t="s">
        <v>378</v>
      </c>
      <c r="K99" s="157" t="str">
        <f t="shared" si="2"/>
        <v>JW029041S外窓交換</v>
      </c>
      <c r="L99" s="162" t="str">
        <f t="shared" si="3"/>
        <v>JW029041S外窓交換S</v>
      </c>
      <c r="M99" s="154" t="s">
        <v>806</v>
      </c>
      <c r="N99" s="154" t="s">
        <v>671</v>
      </c>
      <c r="O99" s="154" t="s">
        <v>672</v>
      </c>
      <c r="P99" s="154" t="s">
        <v>171</v>
      </c>
      <c r="Q99" s="154" t="s">
        <v>807</v>
      </c>
    </row>
    <row r="100" spans="1:17" x14ac:dyDescent="0.2">
      <c r="A100" s="154" t="s">
        <v>265</v>
      </c>
      <c r="B100" s="154" t="s">
        <v>347</v>
      </c>
      <c r="C100" s="154" t="s">
        <v>379</v>
      </c>
      <c r="K100" s="157" t="str">
        <f t="shared" si="2"/>
        <v>JW029051S外窓交換</v>
      </c>
      <c r="L100" s="162" t="str">
        <f t="shared" si="3"/>
        <v>JW029051S外窓交換S</v>
      </c>
      <c r="M100" s="154" t="s">
        <v>808</v>
      </c>
      <c r="N100" s="154" t="s">
        <v>671</v>
      </c>
      <c r="O100" s="154" t="s">
        <v>672</v>
      </c>
      <c r="P100" s="154" t="s">
        <v>171</v>
      </c>
      <c r="Q100" s="154" t="s">
        <v>809</v>
      </c>
    </row>
    <row r="101" spans="1:17" x14ac:dyDescent="0.2">
      <c r="A101" s="154" t="s">
        <v>266</v>
      </c>
      <c r="B101" s="154" t="s">
        <v>380</v>
      </c>
      <c r="C101" s="154" t="s">
        <v>381</v>
      </c>
      <c r="K101" s="157" t="str">
        <f t="shared" si="2"/>
        <v>JW029071S外窓交換</v>
      </c>
      <c r="L101" s="162" t="str">
        <f t="shared" si="3"/>
        <v>JW029071S外窓交換S</v>
      </c>
      <c r="M101" s="154" t="s">
        <v>1113</v>
      </c>
      <c r="N101" s="154" t="s">
        <v>671</v>
      </c>
      <c r="O101" s="154" t="s">
        <v>672</v>
      </c>
      <c r="P101" s="154" t="s">
        <v>171</v>
      </c>
      <c r="Q101" s="154" t="s">
        <v>1114</v>
      </c>
    </row>
    <row r="102" spans="1:17" x14ac:dyDescent="0.2">
      <c r="A102" s="154" t="s">
        <v>267</v>
      </c>
      <c r="B102" s="154" t="s">
        <v>380</v>
      </c>
      <c r="C102" s="154" t="s">
        <v>382</v>
      </c>
      <c r="K102" s="157" t="str">
        <f t="shared" si="2"/>
        <v>JW029081Aカバー工法</v>
      </c>
      <c r="L102" s="162" t="str">
        <f t="shared" si="3"/>
        <v>JW029081Aカバー工法A</v>
      </c>
      <c r="M102" s="154" t="s">
        <v>1115</v>
      </c>
      <c r="N102" s="154" t="s">
        <v>671</v>
      </c>
      <c r="O102" s="154" t="s">
        <v>660</v>
      </c>
      <c r="P102" s="154" t="s">
        <v>171</v>
      </c>
      <c r="Q102" s="154" t="s">
        <v>1116</v>
      </c>
    </row>
    <row r="103" spans="1:17" x14ac:dyDescent="0.2">
      <c r="A103" s="154" t="s">
        <v>268</v>
      </c>
      <c r="B103" s="154" t="s">
        <v>380</v>
      </c>
      <c r="C103" s="154" t="s">
        <v>383</v>
      </c>
      <c r="K103" s="157" t="str">
        <f t="shared" si="2"/>
        <v>JW029082Aカバー工法</v>
      </c>
      <c r="L103" s="162" t="str">
        <f t="shared" si="3"/>
        <v>JW029082Aカバー工法A</v>
      </c>
      <c r="M103" s="154" t="s">
        <v>1117</v>
      </c>
      <c r="N103" s="154" t="s">
        <v>671</v>
      </c>
      <c r="O103" s="154" t="s">
        <v>660</v>
      </c>
      <c r="P103" s="154" t="s">
        <v>171</v>
      </c>
      <c r="Q103" s="154" t="s">
        <v>1118</v>
      </c>
    </row>
    <row r="104" spans="1:17" x14ac:dyDescent="0.2">
      <c r="A104" s="154" t="s">
        <v>269</v>
      </c>
      <c r="B104" s="154" t="s">
        <v>380</v>
      </c>
      <c r="C104" s="154" t="s">
        <v>384</v>
      </c>
      <c r="K104" s="157" t="str">
        <f t="shared" si="2"/>
        <v>JW029101S外窓交換</v>
      </c>
      <c r="L104" s="162" t="str">
        <f t="shared" si="3"/>
        <v>JW029101S外窓交換S</v>
      </c>
      <c r="M104" s="154" t="s">
        <v>1119</v>
      </c>
      <c r="N104" s="154" t="s">
        <v>671</v>
      </c>
      <c r="O104" s="154" t="s">
        <v>672</v>
      </c>
      <c r="P104" s="154" t="s">
        <v>171</v>
      </c>
      <c r="Q104" s="154" t="s">
        <v>1120</v>
      </c>
    </row>
    <row r="105" spans="1:17" x14ac:dyDescent="0.2">
      <c r="A105" s="154" t="s">
        <v>270</v>
      </c>
      <c r="B105" s="154" t="s">
        <v>380</v>
      </c>
      <c r="C105" s="154" t="s">
        <v>385</v>
      </c>
      <c r="K105" s="157" t="str">
        <f t="shared" si="2"/>
        <v>JW029102S外窓交換</v>
      </c>
      <c r="L105" s="162" t="str">
        <f t="shared" si="3"/>
        <v>JW029102S外窓交換S</v>
      </c>
      <c r="M105" s="154" t="s">
        <v>1121</v>
      </c>
      <c r="N105" s="154" t="s">
        <v>671</v>
      </c>
      <c r="O105" s="154" t="s">
        <v>672</v>
      </c>
      <c r="P105" s="154" t="s">
        <v>171</v>
      </c>
      <c r="Q105" s="154" t="s">
        <v>1122</v>
      </c>
    </row>
    <row r="106" spans="1:17" x14ac:dyDescent="0.2">
      <c r="A106" s="154" t="s">
        <v>271</v>
      </c>
      <c r="B106" s="154" t="s">
        <v>380</v>
      </c>
      <c r="C106" s="154" t="s">
        <v>386</v>
      </c>
      <c r="K106" s="157" t="str">
        <f t="shared" si="2"/>
        <v>JW029103S外窓交換</v>
      </c>
      <c r="L106" s="162" t="str">
        <f t="shared" si="3"/>
        <v>JW029103S外窓交換S</v>
      </c>
      <c r="M106" s="154" t="s">
        <v>1123</v>
      </c>
      <c r="N106" s="154" t="s">
        <v>671</v>
      </c>
      <c r="O106" s="154" t="s">
        <v>672</v>
      </c>
      <c r="P106" s="154" t="s">
        <v>171</v>
      </c>
      <c r="Q106" s="154" t="s">
        <v>1124</v>
      </c>
    </row>
    <row r="107" spans="1:17" x14ac:dyDescent="0.2">
      <c r="A107" s="154" t="s">
        <v>272</v>
      </c>
      <c r="B107" s="154" t="s">
        <v>380</v>
      </c>
      <c r="C107" s="154" t="s">
        <v>387</v>
      </c>
      <c r="K107" s="157" t="str">
        <f t="shared" si="2"/>
        <v>JW029104S外窓交換</v>
      </c>
      <c r="L107" s="162" t="str">
        <f t="shared" si="3"/>
        <v>JW029104S外窓交換S</v>
      </c>
      <c r="M107" s="154" t="s">
        <v>1125</v>
      </c>
      <c r="N107" s="154" t="s">
        <v>671</v>
      </c>
      <c r="O107" s="154" t="s">
        <v>672</v>
      </c>
      <c r="P107" s="154" t="s">
        <v>171</v>
      </c>
      <c r="Q107" s="154" t="s">
        <v>1126</v>
      </c>
    </row>
    <row r="108" spans="1:17" x14ac:dyDescent="0.2">
      <c r="A108" s="154" t="s">
        <v>273</v>
      </c>
      <c r="B108" s="154" t="s">
        <v>380</v>
      </c>
      <c r="C108" s="154" t="s">
        <v>388</v>
      </c>
      <c r="K108" s="157" t="str">
        <f t="shared" si="2"/>
        <v>JW029105S外窓交換</v>
      </c>
      <c r="L108" s="162" t="str">
        <f t="shared" si="3"/>
        <v>JW029105S外窓交換S</v>
      </c>
      <c r="M108" s="154" t="s">
        <v>1127</v>
      </c>
      <c r="N108" s="154" t="s">
        <v>671</v>
      </c>
      <c r="O108" s="154" t="s">
        <v>672</v>
      </c>
      <c r="P108" s="154" t="s">
        <v>171</v>
      </c>
      <c r="Q108" s="154" t="s">
        <v>1128</v>
      </c>
    </row>
    <row r="109" spans="1:17" x14ac:dyDescent="0.2">
      <c r="A109" s="154" t="s">
        <v>274</v>
      </c>
      <c r="B109" s="154" t="s">
        <v>380</v>
      </c>
      <c r="C109" s="154" t="s">
        <v>389</v>
      </c>
      <c r="K109" s="157" t="str">
        <f t="shared" si="2"/>
        <v>JW029106S外窓交換</v>
      </c>
      <c r="L109" s="162" t="str">
        <f t="shared" si="3"/>
        <v>JW029106S外窓交換S</v>
      </c>
      <c r="M109" s="154" t="s">
        <v>1129</v>
      </c>
      <c r="N109" s="154" t="s">
        <v>671</v>
      </c>
      <c r="O109" s="154" t="s">
        <v>672</v>
      </c>
      <c r="P109" s="154" t="s">
        <v>171</v>
      </c>
      <c r="Q109" s="154" t="s">
        <v>1130</v>
      </c>
    </row>
    <row r="110" spans="1:17" x14ac:dyDescent="0.2">
      <c r="A110" s="154" t="s">
        <v>275</v>
      </c>
      <c r="B110" s="154" t="s">
        <v>380</v>
      </c>
      <c r="C110" s="154" t="s">
        <v>390</v>
      </c>
      <c r="K110" s="157" t="str">
        <f t="shared" si="2"/>
        <v>JW029107S外窓交換</v>
      </c>
      <c r="L110" s="162" t="str">
        <f t="shared" si="3"/>
        <v>JW029107S外窓交換S</v>
      </c>
      <c r="M110" s="154" t="s">
        <v>1131</v>
      </c>
      <c r="N110" s="154" t="s">
        <v>671</v>
      </c>
      <c r="O110" s="154" t="s">
        <v>672</v>
      </c>
      <c r="P110" s="154" t="s">
        <v>171</v>
      </c>
      <c r="Q110" s="154" t="s">
        <v>1132</v>
      </c>
    </row>
    <row r="111" spans="1:17" x14ac:dyDescent="0.2">
      <c r="A111" s="154" t="s">
        <v>276</v>
      </c>
      <c r="B111" s="154" t="s">
        <v>380</v>
      </c>
      <c r="C111" s="154" t="s">
        <v>391</v>
      </c>
      <c r="K111" s="157" t="str">
        <f t="shared" si="2"/>
        <v>JW029108S外窓交換</v>
      </c>
      <c r="L111" s="162" t="str">
        <f t="shared" si="3"/>
        <v>JW029108S外窓交換S</v>
      </c>
      <c r="M111" s="154" t="s">
        <v>1133</v>
      </c>
      <c r="N111" s="154" t="s">
        <v>671</v>
      </c>
      <c r="O111" s="154" t="s">
        <v>672</v>
      </c>
      <c r="P111" s="154" t="s">
        <v>171</v>
      </c>
      <c r="Q111" s="154" t="s">
        <v>1134</v>
      </c>
    </row>
    <row r="112" spans="1:17" x14ac:dyDescent="0.2">
      <c r="A112" s="154" t="s">
        <v>277</v>
      </c>
      <c r="B112" s="154" t="s">
        <v>380</v>
      </c>
      <c r="C112" s="154" t="s">
        <v>392</v>
      </c>
      <c r="K112" s="157" t="str">
        <f t="shared" si="2"/>
        <v>JW029109S外窓交換</v>
      </c>
      <c r="L112" s="162" t="str">
        <f t="shared" si="3"/>
        <v>JW029109S外窓交換S</v>
      </c>
      <c r="M112" s="154" t="s">
        <v>1135</v>
      </c>
      <c r="N112" s="154" t="s">
        <v>671</v>
      </c>
      <c r="O112" s="154" t="s">
        <v>672</v>
      </c>
      <c r="P112" s="154" t="s">
        <v>171</v>
      </c>
      <c r="Q112" s="154" t="s">
        <v>1136</v>
      </c>
    </row>
    <row r="113" spans="1:17" x14ac:dyDescent="0.2">
      <c r="A113" s="154" t="s">
        <v>278</v>
      </c>
      <c r="B113" s="154" t="s">
        <v>380</v>
      </c>
      <c r="C113" s="154" t="s">
        <v>393</v>
      </c>
      <c r="K113" s="157" t="str">
        <f t="shared" si="2"/>
        <v>JW029110S外窓交換</v>
      </c>
      <c r="L113" s="162" t="str">
        <f t="shared" si="3"/>
        <v>JW029110S外窓交換S</v>
      </c>
      <c r="M113" s="154" t="s">
        <v>1137</v>
      </c>
      <c r="N113" s="154" t="s">
        <v>671</v>
      </c>
      <c r="O113" s="154" t="s">
        <v>672</v>
      </c>
      <c r="P113" s="154" t="s">
        <v>171</v>
      </c>
      <c r="Q113" s="154" t="s">
        <v>1138</v>
      </c>
    </row>
    <row r="114" spans="1:17" x14ac:dyDescent="0.2">
      <c r="A114" s="154" t="s">
        <v>279</v>
      </c>
      <c r="B114" s="154" t="s">
        <v>380</v>
      </c>
      <c r="C114" s="154" t="s">
        <v>394</v>
      </c>
      <c r="K114" s="157" t="str">
        <f t="shared" si="2"/>
        <v>JW029111S外窓交換</v>
      </c>
      <c r="L114" s="162" t="str">
        <f t="shared" si="3"/>
        <v>JW029111S外窓交換S</v>
      </c>
      <c r="M114" s="154" t="s">
        <v>1139</v>
      </c>
      <c r="N114" s="154" t="s">
        <v>671</v>
      </c>
      <c r="O114" s="154" t="s">
        <v>672</v>
      </c>
      <c r="P114" s="154" t="s">
        <v>171</v>
      </c>
      <c r="Q114" s="154" t="s">
        <v>1140</v>
      </c>
    </row>
    <row r="115" spans="1:17" x14ac:dyDescent="0.2">
      <c r="A115" s="154" t="s">
        <v>280</v>
      </c>
      <c r="B115" s="154" t="s">
        <v>380</v>
      </c>
      <c r="C115" s="154" t="s">
        <v>395</v>
      </c>
      <c r="K115" s="157" t="str">
        <f t="shared" si="2"/>
        <v>JW029112S外窓交換</v>
      </c>
      <c r="L115" s="162" t="str">
        <f t="shared" si="3"/>
        <v>JW029112S外窓交換S</v>
      </c>
      <c r="M115" s="154" t="s">
        <v>1141</v>
      </c>
      <c r="N115" s="154" t="s">
        <v>671</v>
      </c>
      <c r="O115" s="154" t="s">
        <v>672</v>
      </c>
      <c r="P115" s="154" t="s">
        <v>171</v>
      </c>
      <c r="Q115" s="154" t="s">
        <v>1142</v>
      </c>
    </row>
    <row r="116" spans="1:17" x14ac:dyDescent="0.2">
      <c r="A116" s="154" t="s">
        <v>281</v>
      </c>
      <c r="B116" s="154" t="s">
        <v>380</v>
      </c>
      <c r="C116" s="154" t="s">
        <v>396</v>
      </c>
      <c r="K116" s="157" t="str">
        <f t="shared" si="2"/>
        <v>JW029113S外窓交換</v>
      </c>
      <c r="L116" s="162" t="str">
        <f t="shared" si="3"/>
        <v>JW029113S外窓交換S</v>
      </c>
      <c r="M116" s="154" t="s">
        <v>1143</v>
      </c>
      <c r="N116" s="154" t="s">
        <v>671</v>
      </c>
      <c r="O116" s="154" t="s">
        <v>672</v>
      </c>
      <c r="P116" s="154" t="s">
        <v>171</v>
      </c>
      <c r="Q116" s="154" t="s">
        <v>1144</v>
      </c>
    </row>
    <row r="117" spans="1:17" x14ac:dyDescent="0.2">
      <c r="A117" s="154" t="s">
        <v>282</v>
      </c>
      <c r="B117" s="154" t="s">
        <v>380</v>
      </c>
      <c r="C117" s="154" t="s">
        <v>397</v>
      </c>
      <c r="K117" s="157" t="str">
        <f t="shared" si="2"/>
        <v>JW029114S外窓交換</v>
      </c>
      <c r="L117" s="162" t="str">
        <f t="shared" si="3"/>
        <v>JW029114S外窓交換S</v>
      </c>
      <c r="M117" s="154" t="s">
        <v>1145</v>
      </c>
      <c r="N117" s="154" t="s">
        <v>671</v>
      </c>
      <c r="O117" s="154" t="s">
        <v>672</v>
      </c>
      <c r="P117" s="154" t="s">
        <v>171</v>
      </c>
      <c r="Q117" s="154" t="s">
        <v>1146</v>
      </c>
    </row>
    <row r="118" spans="1:17" x14ac:dyDescent="0.2">
      <c r="A118" s="154" t="s">
        <v>283</v>
      </c>
      <c r="B118" s="154" t="s">
        <v>380</v>
      </c>
      <c r="C118" s="154" t="s">
        <v>398</v>
      </c>
      <c r="K118" s="157" t="str">
        <f t="shared" si="2"/>
        <v>JW029201Sカバー工法</v>
      </c>
      <c r="L118" s="162" t="str">
        <f t="shared" si="3"/>
        <v>JW029201Sカバー工法S</v>
      </c>
      <c r="M118" s="154" t="s">
        <v>1352</v>
      </c>
      <c r="N118" s="154" t="s">
        <v>671</v>
      </c>
      <c r="O118" s="154" t="s">
        <v>660</v>
      </c>
      <c r="P118" s="154" t="s">
        <v>171</v>
      </c>
      <c r="Q118" s="154" t="s">
        <v>1353</v>
      </c>
    </row>
    <row r="119" spans="1:17" x14ac:dyDescent="0.2">
      <c r="A119" s="154" t="s">
        <v>284</v>
      </c>
      <c r="B119" s="154" t="s">
        <v>380</v>
      </c>
      <c r="C119" s="154" t="s">
        <v>399</v>
      </c>
      <c r="K119" s="157" t="str">
        <f t="shared" si="2"/>
        <v>JW029202Aカバー工法</v>
      </c>
      <c r="L119" s="162" t="str">
        <f t="shared" si="3"/>
        <v>JW029202Aカバー工法A</v>
      </c>
      <c r="M119" s="154" t="s">
        <v>1354</v>
      </c>
      <c r="N119" s="154" t="s">
        <v>671</v>
      </c>
      <c r="O119" s="154" t="s">
        <v>660</v>
      </c>
      <c r="P119" s="154" t="s">
        <v>171</v>
      </c>
      <c r="Q119" s="154" t="s">
        <v>1355</v>
      </c>
    </row>
    <row r="120" spans="1:17" x14ac:dyDescent="0.2">
      <c r="A120" s="154" t="s">
        <v>285</v>
      </c>
      <c r="B120" s="154" t="s">
        <v>380</v>
      </c>
      <c r="C120" s="154" t="s">
        <v>400</v>
      </c>
      <c r="K120" s="157" t="str">
        <f t="shared" si="2"/>
        <v>JW029203Sカバー工法</v>
      </c>
      <c r="L120" s="162" t="str">
        <f t="shared" si="3"/>
        <v>JW029203Sカバー工法S</v>
      </c>
      <c r="M120" s="154" t="s">
        <v>1356</v>
      </c>
      <c r="N120" s="154" t="s">
        <v>671</v>
      </c>
      <c r="O120" s="154" t="s">
        <v>660</v>
      </c>
      <c r="P120" s="154" t="s">
        <v>171</v>
      </c>
      <c r="Q120" s="154" t="s">
        <v>1357</v>
      </c>
    </row>
    <row r="121" spans="1:17" x14ac:dyDescent="0.2">
      <c r="A121" s="154" t="s">
        <v>286</v>
      </c>
      <c r="B121" s="154" t="s">
        <v>380</v>
      </c>
      <c r="C121" s="154" t="s">
        <v>401</v>
      </c>
      <c r="K121" s="157" t="str">
        <f t="shared" si="2"/>
        <v>JW029204Aカバー工法</v>
      </c>
      <c r="L121" s="162" t="str">
        <f t="shared" si="3"/>
        <v>JW029204Aカバー工法A</v>
      </c>
      <c r="M121" s="154" t="s">
        <v>1358</v>
      </c>
      <c r="N121" s="154" t="s">
        <v>671</v>
      </c>
      <c r="O121" s="154" t="s">
        <v>660</v>
      </c>
      <c r="P121" s="154" t="s">
        <v>171</v>
      </c>
      <c r="Q121" s="154" t="s">
        <v>1359</v>
      </c>
    </row>
    <row r="122" spans="1:17" x14ac:dyDescent="0.2">
      <c r="A122" s="154" t="s">
        <v>287</v>
      </c>
      <c r="B122" s="154" t="s">
        <v>402</v>
      </c>
      <c r="C122" s="154" t="s">
        <v>403</v>
      </c>
      <c r="K122" s="157" t="str">
        <f t="shared" si="2"/>
        <v>JW032201A外窓交換（防火・防風・防犯仕様）</v>
      </c>
      <c r="L122" s="162" t="str">
        <f t="shared" si="3"/>
        <v>JW032201A外窓交換（防火・防風・防犯仕様）A</v>
      </c>
      <c r="M122" s="154" t="s">
        <v>755</v>
      </c>
      <c r="N122" s="154" t="s">
        <v>602</v>
      </c>
      <c r="O122" s="154" t="s">
        <v>663</v>
      </c>
      <c r="P122" s="154" t="s">
        <v>172</v>
      </c>
      <c r="Q122" s="154" t="s">
        <v>700</v>
      </c>
    </row>
    <row r="123" spans="1:17" x14ac:dyDescent="0.2">
      <c r="A123" s="154" t="s">
        <v>901</v>
      </c>
      <c r="B123" s="154" t="s">
        <v>402</v>
      </c>
      <c r="C123" s="154" t="s">
        <v>404</v>
      </c>
      <c r="K123" s="157" t="str">
        <f t="shared" si="2"/>
        <v>JW032202A外窓交換（防火・防風・防犯仕様）</v>
      </c>
      <c r="L123" s="162" t="str">
        <f t="shared" si="3"/>
        <v>JW032202A外窓交換（防火・防風・防犯仕様）A</v>
      </c>
      <c r="M123" s="154" t="s">
        <v>756</v>
      </c>
      <c r="N123" s="154" t="s">
        <v>602</v>
      </c>
      <c r="O123" s="154" t="s">
        <v>663</v>
      </c>
      <c r="P123" s="154" t="s">
        <v>172</v>
      </c>
      <c r="Q123" s="154" t="s">
        <v>701</v>
      </c>
    </row>
    <row r="124" spans="1:17" x14ac:dyDescent="0.2">
      <c r="A124" s="154" t="s">
        <v>1207</v>
      </c>
      <c r="B124" s="154" t="s">
        <v>1208</v>
      </c>
      <c r="C124" s="154" t="s">
        <v>1209</v>
      </c>
      <c r="K124" s="157" t="str">
        <f t="shared" si="2"/>
        <v>JW032203A外窓交換（防火・防風・防犯仕様）</v>
      </c>
      <c r="L124" s="162" t="str">
        <f t="shared" si="3"/>
        <v>JW032203A外窓交換（防火・防風・防犯仕様）A</v>
      </c>
      <c r="M124" s="154" t="s">
        <v>757</v>
      </c>
      <c r="N124" s="154" t="s">
        <v>602</v>
      </c>
      <c r="O124" s="154" t="s">
        <v>663</v>
      </c>
      <c r="P124" s="154" t="s">
        <v>172</v>
      </c>
      <c r="Q124" s="154" t="s">
        <v>702</v>
      </c>
    </row>
    <row r="125" spans="1:17" x14ac:dyDescent="0.2">
      <c r="A125" s="154" t="s">
        <v>1275</v>
      </c>
      <c r="B125" s="154" t="s">
        <v>402</v>
      </c>
      <c r="C125" s="154" t="s">
        <v>1276</v>
      </c>
      <c r="K125" s="157" t="str">
        <f t="shared" si="2"/>
        <v>JW032204A外窓交換（防火・防風・防犯仕様）</v>
      </c>
      <c r="L125" s="162" t="str">
        <f t="shared" si="3"/>
        <v>JW032204A外窓交換（防火・防風・防犯仕様）A</v>
      </c>
      <c r="M125" s="154" t="s">
        <v>758</v>
      </c>
      <c r="N125" s="154" t="s">
        <v>602</v>
      </c>
      <c r="O125" s="154" t="s">
        <v>663</v>
      </c>
      <c r="P125" s="154" t="s">
        <v>172</v>
      </c>
      <c r="Q125" s="154" t="s">
        <v>703</v>
      </c>
    </row>
    <row r="126" spans="1:17" x14ac:dyDescent="0.2">
      <c r="A126" s="154" t="s">
        <v>1277</v>
      </c>
      <c r="B126" s="154" t="s">
        <v>402</v>
      </c>
      <c r="C126" s="154" t="s">
        <v>1278</v>
      </c>
      <c r="K126" s="157" t="str">
        <f t="shared" si="2"/>
        <v>JW032206A外窓交換（防火・防風・防犯仕様）</v>
      </c>
      <c r="L126" s="162" t="str">
        <f t="shared" si="3"/>
        <v>JW032206A外窓交換（防火・防風・防犯仕様）A</v>
      </c>
      <c r="M126" s="154" t="s">
        <v>759</v>
      </c>
      <c r="N126" s="154" t="s">
        <v>602</v>
      </c>
      <c r="O126" s="154" t="s">
        <v>663</v>
      </c>
      <c r="P126" s="154" t="s">
        <v>172</v>
      </c>
      <c r="Q126" s="154" t="s">
        <v>705</v>
      </c>
    </row>
    <row r="127" spans="1:17" x14ac:dyDescent="0.2">
      <c r="A127" s="154" t="s">
        <v>1289</v>
      </c>
      <c r="B127" s="154" t="s">
        <v>318</v>
      </c>
      <c r="C127" s="154" t="s">
        <v>1290</v>
      </c>
      <c r="K127" s="157" t="str">
        <f t="shared" si="2"/>
        <v>JW032207S外窓交換（防火・防風・防犯仕様）</v>
      </c>
      <c r="L127" s="162" t="str">
        <f t="shared" si="3"/>
        <v>JW032207S外窓交換（防火・防風・防犯仕様）S</v>
      </c>
      <c r="M127" s="154" t="s">
        <v>760</v>
      </c>
      <c r="N127" s="154" t="s">
        <v>602</v>
      </c>
      <c r="O127" s="154" t="s">
        <v>663</v>
      </c>
      <c r="P127" s="154" t="s">
        <v>172</v>
      </c>
      <c r="Q127" s="154" t="s">
        <v>706</v>
      </c>
    </row>
    <row r="128" spans="1:17" x14ac:dyDescent="0.2">
      <c r="A128" s="154" t="s">
        <v>1291</v>
      </c>
      <c r="B128" s="154" t="s">
        <v>318</v>
      </c>
      <c r="C128" s="154" t="s">
        <v>1292</v>
      </c>
      <c r="K128" s="157" t="str">
        <f t="shared" si="2"/>
        <v>JW032208A外窓交換（防火・防風・防犯仕様）</v>
      </c>
      <c r="L128" s="162" t="str">
        <f t="shared" si="3"/>
        <v>JW032208A外窓交換（防火・防風・防犯仕様）A</v>
      </c>
      <c r="M128" s="154" t="s">
        <v>761</v>
      </c>
      <c r="N128" s="154" t="s">
        <v>602</v>
      </c>
      <c r="O128" s="154" t="s">
        <v>663</v>
      </c>
      <c r="P128" s="154" t="s">
        <v>172</v>
      </c>
      <c r="Q128" s="154" t="s">
        <v>707</v>
      </c>
    </row>
    <row r="129" spans="1:17" x14ac:dyDescent="0.2">
      <c r="A129" s="154" t="s">
        <v>1293</v>
      </c>
      <c r="B129" s="154" t="s">
        <v>318</v>
      </c>
      <c r="C129" s="154" t="s">
        <v>1294</v>
      </c>
      <c r="K129" s="157" t="str">
        <f t="shared" si="2"/>
        <v>JW032209A外窓交換（防火・防風・防犯仕様）</v>
      </c>
      <c r="L129" s="162" t="str">
        <f t="shared" si="3"/>
        <v>JW032209A外窓交換（防火・防風・防犯仕様）A</v>
      </c>
      <c r="M129" s="154" t="s">
        <v>762</v>
      </c>
      <c r="N129" s="154" t="s">
        <v>602</v>
      </c>
      <c r="O129" s="154" t="s">
        <v>663</v>
      </c>
      <c r="P129" s="154" t="s">
        <v>172</v>
      </c>
      <c r="Q129" s="154" t="s">
        <v>708</v>
      </c>
    </row>
    <row r="130" spans="1:17" x14ac:dyDescent="0.2">
      <c r="A130" s="154" t="s">
        <v>1295</v>
      </c>
      <c r="B130" s="154" t="s">
        <v>318</v>
      </c>
      <c r="C130" s="154" t="s">
        <v>1296</v>
      </c>
      <c r="K130" s="157" t="str">
        <f t="shared" si="2"/>
        <v>JW032210A外窓交換（防火・防風・防犯仕様）</v>
      </c>
      <c r="L130" s="162" t="str">
        <f t="shared" si="3"/>
        <v>JW032210A外窓交換（防火・防風・防犯仕様）A</v>
      </c>
      <c r="M130" s="154" t="s">
        <v>763</v>
      </c>
      <c r="N130" s="154" t="s">
        <v>602</v>
      </c>
      <c r="O130" s="154" t="s">
        <v>663</v>
      </c>
      <c r="P130" s="154" t="s">
        <v>172</v>
      </c>
      <c r="Q130" s="154" t="s">
        <v>709</v>
      </c>
    </row>
    <row r="131" spans="1:17" x14ac:dyDescent="0.2">
      <c r="A131" s="154" t="s">
        <v>1297</v>
      </c>
      <c r="B131" s="154" t="s">
        <v>318</v>
      </c>
      <c r="C131" s="154" t="s">
        <v>1298</v>
      </c>
      <c r="K131" s="157" t="str">
        <f t="shared" si="2"/>
        <v>JW032211S外窓交換（防火・防風・防犯仕様）</v>
      </c>
      <c r="L131" s="162" t="str">
        <f t="shared" si="3"/>
        <v>JW032211S外窓交換（防火・防風・防犯仕様）S</v>
      </c>
      <c r="M131" s="154" t="s">
        <v>764</v>
      </c>
      <c r="N131" s="154" t="s">
        <v>602</v>
      </c>
      <c r="O131" s="154" t="s">
        <v>663</v>
      </c>
      <c r="P131" s="154" t="s">
        <v>172</v>
      </c>
      <c r="Q131" s="154" t="s">
        <v>710</v>
      </c>
    </row>
    <row r="132" spans="1:17" x14ac:dyDescent="0.2">
      <c r="A132" s="154" t="s">
        <v>1299</v>
      </c>
      <c r="B132" s="154" t="s">
        <v>318</v>
      </c>
      <c r="C132" s="154" t="s">
        <v>1300</v>
      </c>
      <c r="K132" s="157" t="str">
        <f t="shared" si="2"/>
        <v>JW032212A外窓交換（防火・防風・防犯仕様）</v>
      </c>
      <c r="L132" s="162" t="str">
        <f t="shared" si="3"/>
        <v>JW032212A外窓交換（防火・防風・防犯仕様）A</v>
      </c>
      <c r="M132" s="154" t="s">
        <v>765</v>
      </c>
      <c r="N132" s="154" t="s">
        <v>602</v>
      </c>
      <c r="O132" s="154" t="s">
        <v>663</v>
      </c>
      <c r="P132" s="154" t="s">
        <v>172</v>
      </c>
      <c r="Q132" s="154" t="s">
        <v>711</v>
      </c>
    </row>
    <row r="133" spans="1:17" x14ac:dyDescent="0.2">
      <c r="A133" s="154" t="s">
        <v>1301</v>
      </c>
      <c r="B133" s="154" t="s">
        <v>318</v>
      </c>
      <c r="C133" s="154" t="s">
        <v>1302</v>
      </c>
      <c r="K133" s="157" t="str">
        <f t="shared" ref="K133:K196" si="4">M133&amp;O133</f>
        <v>JW032214S外窓交換（防火・防風・防犯仕様）</v>
      </c>
      <c r="L133" s="162" t="str">
        <f t="shared" ref="L133:L196" si="5">M133&amp;O133&amp;(IF(M133&lt;&gt;"", RIGHT(M133,1),""))</f>
        <v>JW032214S外窓交換（防火・防風・防犯仕様）S</v>
      </c>
      <c r="M133" s="154" t="s">
        <v>766</v>
      </c>
      <c r="N133" s="154" t="s">
        <v>602</v>
      </c>
      <c r="O133" s="154" t="s">
        <v>663</v>
      </c>
      <c r="P133" s="154" t="s">
        <v>172</v>
      </c>
      <c r="Q133" s="154" t="s">
        <v>713</v>
      </c>
    </row>
    <row r="134" spans="1:17" x14ac:dyDescent="0.2">
      <c r="A134" s="154" t="s">
        <v>1303</v>
      </c>
      <c r="B134" s="154" t="s">
        <v>318</v>
      </c>
      <c r="C134" s="154" t="s">
        <v>1304</v>
      </c>
      <c r="K134" s="157" t="str">
        <f t="shared" si="4"/>
        <v>JW032215A外窓交換（防火・防風・防犯仕様）</v>
      </c>
      <c r="L134" s="162" t="str">
        <f t="shared" si="5"/>
        <v>JW032215A外窓交換（防火・防風・防犯仕様）A</v>
      </c>
      <c r="M134" s="154" t="s">
        <v>767</v>
      </c>
      <c r="N134" s="154" t="s">
        <v>602</v>
      </c>
      <c r="O134" s="154" t="s">
        <v>663</v>
      </c>
      <c r="P134" s="154" t="s">
        <v>172</v>
      </c>
      <c r="Q134" s="154" t="s">
        <v>714</v>
      </c>
    </row>
    <row r="135" spans="1:17" x14ac:dyDescent="0.2">
      <c r="A135" s="154" t="s">
        <v>1305</v>
      </c>
      <c r="B135" s="154" t="s">
        <v>318</v>
      </c>
      <c r="C135" s="154" t="s">
        <v>1306</v>
      </c>
      <c r="K135" s="157" t="str">
        <f t="shared" si="4"/>
        <v>JW032216A外窓交換（防火・防風・防犯仕様）</v>
      </c>
      <c r="L135" s="162" t="str">
        <f t="shared" si="5"/>
        <v>JW032216A外窓交換（防火・防風・防犯仕様）A</v>
      </c>
      <c r="M135" s="154" t="s">
        <v>768</v>
      </c>
      <c r="N135" s="154" t="s">
        <v>602</v>
      </c>
      <c r="O135" s="154" t="s">
        <v>663</v>
      </c>
      <c r="P135" s="154" t="s">
        <v>172</v>
      </c>
      <c r="Q135" s="154" t="s">
        <v>715</v>
      </c>
    </row>
    <row r="136" spans="1:17" x14ac:dyDescent="0.2">
      <c r="A136" s="154" t="s">
        <v>1307</v>
      </c>
      <c r="B136" s="154" t="s">
        <v>318</v>
      </c>
      <c r="C136" s="154" t="s">
        <v>1308</v>
      </c>
      <c r="K136" s="157" t="str">
        <f t="shared" si="4"/>
        <v>JW032301A外窓交換（防火・防風・防犯仕様）</v>
      </c>
      <c r="L136" s="162" t="str">
        <f t="shared" si="5"/>
        <v>JW032301A外窓交換（防火・防風・防犯仕様）A</v>
      </c>
      <c r="M136" s="154" t="s">
        <v>769</v>
      </c>
      <c r="N136" s="154" t="s">
        <v>602</v>
      </c>
      <c r="O136" s="154" t="s">
        <v>663</v>
      </c>
      <c r="P136" s="154" t="s">
        <v>172</v>
      </c>
      <c r="Q136" s="154" t="s">
        <v>716</v>
      </c>
    </row>
    <row r="137" spans="1:17" x14ac:dyDescent="0.2">
      <c r="A137" s="154" t="s">
        <v>1309</v>
      </c>
      <c r="B137" s="154" t="s">
        <v>318</v>
      </c>
      <c r="C137" s="154" t="s">
        <v>1310</v>
      </c>
      <c r="K137" s="157" t="str">
        <f t="shared" si="4"/>
        <v>JW032302A外窓交換（防火・防風・防犯仕様）</v>
      </c>
      <c r="L137" s="162" t="str">
        <f t="shared" si="5"/>
        <v>JW032302A外窓交換（防火・防風・防犯仕様）A</v>
      </c>
      <c r="M137" s="154" t="s">
        <v>770</v>
      </c>
      <c r="N137" s="154" t="s">
        <v>602</v>
      </c>
      <c r="O137" s="154" t="s">
        <v>663</v>
      </c>
      <c r="P137" s="154" t="s">
        <v>172</v>
      </c>
      <c r="Q137" s="154" t="s">
        <v>717</v>
      </c>
    </row>
    <row r="138" spans="1:17" x14ac:dyDescent="0.2">
      <c r="A138" s="154" t="s">
        <v>1311</v>
      </c>
      <c r="B138" s="154" t="s">
        <v>318</v>
      </c>
      <c r="C138" s="154" t="s">
        <v>1312</v>
      </c>
      <c r="K138" s="157" t="str">
        <f t="shared" si="4"/>
        <v>JW032303A外窓交換（防火・防風・防犯仕様）</v>
      </c>
      <c r="L138" s="162" t="str">
        <f t="shared" si="5"/>
        <v>JW032303A外窓交換（防火・防風・防犯仕様）A</v>
      </c>
      <c r="M138" s="154" t="s">
        <v>771</v>
      </c>
      <c r="N138" s="154" t="s">
        <v>602</v>
      </c>
      <c r="O138" s="154" t="s">
        <v>663</v>
      </c>
      <c r="P138" s="154" t="s">
        <v>172</v>
      </c>
      <c r="Q138" s="154" t="s">
        <v>718</v>
      </c>
    </row>
    <row r="139" spans="1:17" x14ac:dyDescent="0.2">
      <c r="A139" s="154" t="s">
        <v>1313</v>
      </c>
      <c r="B139" s="154" t="s">
        <v>318</v>
      </c>
      <c r="C139" s="154" t="s">
        <v>1314</v>
      </c>
      <c r="K139" s="157" t="str">
        <f t="shared" si="4"/>
        <v>JW032401S外窓交換（防火・防風・防犯仕様）</v>
      </c>
      <c r="L139" s="162" t="str">
        <f t="shared" si="5"/>
        <v>JW032401S外窓交換（防火・防風・防犯仕様）S</v>
      </c>
      <c r="M139" s="154" t="s">
        <v>772</v>
      </c>
      <c r="N139" s="154" t="s">
        <v>602</v>
      </c>
      <c r="O139" s="154" t="s">
        <v>663</v>
      </c>
      <c r="P139" s="154" t="s">
        <v>172</v>
      </c>
      <c r="Q139" s="154" t="s">
        <v>719</v>
      </c>
    </row>
    <row r="140" spans="1:17" x14ac:dyDescent="0.2">
      <c r="A140" s="154" t="s">
        <v>1315</v>
      </c>
      <c r="B140" s="154" t="s">
        <v>318</v>
      </c>
      <c r="C140" s="154" t="s">
        <v>1316</v>
      </c>
      <c r="K140" s="157" t="str">
        <f t="shared" si="4"/>
        <v>JW032402S外窓交換（防火・防風・防犯仕様）</v>
      </c>
      <c r="L140" s="162" t="str">
        <f t="shared" si="5"/>
        <v>JW032402S外窓交換（防火・防風・防犯仕様）S</v>
      </c>
      <c r="M140" s="154" t="s">
        <v>773</v>
      </c>
      <c r="N140" s="154" t="s">
        <v>602</v>
      </c>
      <c r="O140" s="154" t="s">
        <v>663</v>
      </c>
      <c r="P140" s="154" t="s">
        <v>172</v>
      </c>
      <c r="Q140" s="154" t="s">
        <v>720</v>
      </c>
    </row>
    <row r="141" spans="1:17" x14ac:dyDescent="0.2">
      <c r="A141" s="154" t="s">
        <v>1317</v>
      </c>
      <c r="B141" s="154" t="s">
        <v>318</v>
      </c>
      <c r="C141" s="154" t="s">
        <v>1318</v>
      </c>
      <c r="K141" s="157" t="str">
        <f t="shared" si="4"/>
        <v>JW033111Sカバー工法</v>
      </c>
      <c r="L141" s="162" t="str">
        <f t="shared" si="5"/>
        <v>JW033111Sカバー工法S</v>
      </c>
      <c r="M141" s="154" t="s">
        <v>810</v>
      </c>
      <c r="N141" s="154" t="s">
        <v>671</v>
      </c>
      <c r="O141" s="154" t="s">
        <v>660</v>
      </c>
      <c r="P141" s="154" t="s">
        <v>172</v>
      </c>
      <c r="Q141" s="154" t="s">
        <v>811</v>
      </c>
    </row>
    <row r="142" spans="1:17" x14ac:dyDescent="0.2">
      <c r="A142" s="154" t="s">
        <v>1319</v>
      </c>
      <c r="B142" s="154" t="s">
        <v>318</v>
      </c>
      <c r="C142" s="154" t="s">
        <v>1320</v>
      </c>
      <c r="K142" s="157" t="str">
        <f t="shared" si="4"/>
        <v>JW033112Aカバー工法</v>
      </c>
      <c r="L142" s="162" t="str">
        <f t="shared" si="5"/>
        <v>JW033112Aカバー工法A</v>
      </c>
      <c r="M142" s="154" t="s">
        <v>812</v>
      </c>
      <c r="N142" s="154" t="s">
        <v>671</v>
      </c>
      <c r="O142" s="154" t="s">
        <v>660</v>
      </c>
      <c r="P142" s="154" t="s">
        <v>172</v>
      </c>
      <c r="Q142" s="154" t="s">
        <v>813</v>
      </c>
    </row>
    <row r="143" spans="1:17" x14ac:dyDescent="0.2">
      <c r="A143" s="154" t="s">
        <v>1321</v>
      </c>
      <c r="B143" s="154" t="s">
        <v>318</v>
      </c>
      <c r="C143" s="154" t="s">
        <v>1322</v>
      </c>
      <c r="K143" s="157" t="str">
        <f t="shared" si="4"/>
        <v>JW033114Sカバー工法</v>
      </c>
      <c r="L143" s="162" t="str">
        <f t="shared" si="5"/>
        <v>JW033114Sカバー工法S</v>
      </c>
      <c r="M143" s="154" t="s">
        <v>815</v>
      </c>
      <c r="N143" s="154" t="s">
        <v>671</v>
      </c>
      <c r="O143" s="154" t="s">
        <v>660</v>
      </c>
      <c r="P143" s="154" t="s">
        <v>172</v>
      </c>
      <c r="Q143" s="154" t="s">
        <v>816</v>
      </c>
    </row>
    <row r="144" spans="1:17" x14ac:dyDescent="0.2">
      <c r="A144" s="154" t="s">
        <v>1323</v>
      </c>
      <c r="B144" s="154" t="s">
        <v>318</v>
      </c>
      <c r="C144" s="154" t="s">
        <v>1324</v>
      </c>
      <c r="K144" s="157" t="str">
        <f t="shared" si="4"/>
        <v>JW033115Aカバー工法</v>
      </c>
      <c r="L144" s="162" t="str">
        <f t="shared" si="5"/>
        <v>JW033115Aカバー工法A</v>
      </c>
      <c r="M144" s="154" t="s">
        <v>817</v>
      </c>
      <c r="N144" s="154" t="s">
        <v>671</v>
      </c>
      <c r="O144" s="154" t="s">
        <v>660</v>
      </c>
      <c r="P144" s="154" t="s">
        <v>172</v>
      </c>
      <c r="Q144" s="154" t="s">
        <v>818</v>
      </c>
    </row>
    <row r="145" spans="1:17" x14ac:dyDescent="0.2">
      <c r="A145" s="154" t="s">
        <v>1325</v>
      </c>
      <c r="B145" s="154" t="s">
        <v>318</v>
      </c>
      <c r="C145" s="154" t="s">
        <v>1326</v>
      </c>
      <c r="K145" s="157" t="str">
        <f t="shared" si="4"/>
        <v>JW033116Aカバー工法</v>
      </c>
      <c r="L145" s="162" t="str">
        <f t="shared" si="5"/>
        <v>JW033116Aカバー工法A</v>
      </c>
      <c r="M145" s="154" t="s">
        <v>819</v>
      </c>
      <c r="N145" s="154" t="s">
        <v>671</v>
      </c>
      <c r="O145" s="154" t="s">
        <v>660</v>
      </c>
      <c r="P145" s="154" t="s">
        <v>172</v>
      </c>
      <c r="Q145" s="154" t="s">
        <v>820</v>
      </c>
    </row>
    <row r="146" spans="1:17" x14ac:dyDescent="0.2">
      <c r="A146" s="154" t="s">
        <v>1327</v>
      </c>
      <c r="B146" s="154" t="s">
        <v>318</v>
      </c>
      <c r="C146" s="154" t="s">
        <v>1328</v>
      </c>
      <c r="K146" s="157" t="str">
        <f t="shared" si="4"/>
        <v>JW033117Aカバー工法</v>
      </c>
      <c r="L146" s="162" t="str">
        <f t="shared" si="5"/>
        <v>JW033117Aカバー工法A</v>
      </c>
      <c r="M146" s="154" t="s">
        <v>821</v>
      </c>
      <c r="N146" s="154" t="s">
        <v>671</v>
      </c>
      <c r="O146" s="154" t="s">
        <v>660</v>
      </c>
      <c r="P146" s="154" t="s">
        <v>172</v>
      </c>
      <c r="Q146" s="154" t="s">
        <v>822</v>
      </c>
    </row>
    <row r="147" spans="1:17" x14ac:dyDescent="0.2">
      <c r="A147" s="154" t="s">
        <v>1329</v>
      </c>
      <c r="B147" s="154" t="s">
        <v>318</v>
      </c>
      <c r="C147" s="154" t="s">
        <v>1330</v>
      </c>
      <c r="K147" s="157" t="str">
        <f t="shared" si="4"/>
        <v>JW033118Aカバー工法</v>
      </c>
      <c r="L147" s="162" t="str">
        <f t="shared" si="5"/>
        <v>JW033118Aカバー工法A</v>
      </c>
      <c r="M147" s="154" t="s">
        <v>1360</v>
      </c>
      <c r="N147" s="154" t="s">
        <v>671</v>
      </c>
      <c r="O147" s="154" t="s">
        <v>660</v>
      </c>
      <c r="P147" s="154" t="s">
        <v>172</v>
      </c>
      <c r="Q147" s="154" t="s">
        <v>823</v>
      </c>
    </row>
    <row r="148" spans="1:17" x14ac:dyDescent="0.2">
      <c r="A148" s="154" t="s">
        <v>1331</v>
      </c>
      <c r="B148" s="154" t="s">
        <v>318</v>
      </c>
      <c r="C148" s="154" t="s">
        <v>1332</v>
      </c>
      <c r="K148" s="157" t="str">
        <f t="shared" si="4"/>
        <v>JW033213S外窓交換</v>
      </c>
      <c r="L148" s="162" t="str">
        <f t="shared" si="5"/>
        <v>JW033213S外窓交換S</v>
      </c>
      <c r="M148" s="154" t="s">
        <v>824</v>
      </c>
      <c r="N148" s="154" t="s">
        <v>671</v>
      </c>
      <c r="O148" s="154" t="s">
        <v>672</v>
      </c>
      <c r="P148" s="154" t="s">
        <v>172</v>
      </c>
      <c r="Q148" s="154" t="s">
        <v>825</v>
      </c>
    </row>
    <row r="149" spans="1:17" x14ac:dyDescent="0.2">
      <c r="A149" s="154" t="s">
        <v>1333</v>
      </c>
      <c r="B149" s="154" t="s">
        <v>318</v>
      </c>
      <c r="C149" s="154" t="s">
        <v>1334</v>
      </c>
      <c r="K149" s="157" t="str">
        <f t="shared" si="4"/>
        <v>JW033214S外窓交換</v>
      </c>
      <c r="L149" s="162" t="str">
        <f t="shared" si="5"/>
        <v>JW033214S外窓交換S</v>
      </c>
      <c r="M149" s="154" t="s">
        <v>826</v>
      </c>
      <c r="N149" s="154" t="s">
        <v>671</v>
      </c>
      <c r="O149" s="154" t="s">
        <v>672</v>
      </c>
      <c r="P149" s="154" t="s">
        <v>172</v>
      </c>
      <c r="Q149" s="154" t="s">
        <v>827</v>
      </c>
    </row>
    <row r="150" spans="1:17" x14ac:dyDescent="0.2">
      <c r="A150" s="154" t="s">
        <v>1335</v>
      </c>
      <c r="B150" s="154" t="s">
        <v>318</v>
      </c>
      <c r="C150" s="154" t="s">
        <v>1336</v>
      </c>
      <c r="K150" s="157" t="str">
        <f t="shared" si="4"/>
        <v>JW033228S外窓交換</v>
      </c>
      <c r="L150" s="162" t="str">
        <f t="shared" si="5"/>
        <v>JW033228S外窓交換S</v>
      </c>
      <c r="M150" s="154" t="s">
        <v>828</v>
      </c>
      <c r="N150" s="154" t="s">
        <v>671</v>
      </c>
      <c r="O150" s="154" t="s">
        <v>672</v>
      </c>
      <c r="P150" s="154" t="s">
        <v>172</v>
      </c>
      <c r="Q150" s="154" t="s">
        <v>829</v>
      </c>
    </row>
    <row r="151" spans="1:17" x14ac:dyDescent="0.2">
      <c r="A151" s="154" t="s">
        <v>1337</v>
      </c>
      <c r="B151" s="154" t="s">
        <v>318</v>
      </c>
      <c r="C151" s="154" t="s">
        <v>1338</v>
      </c>
      <c r="K151" s="157" t="str">
        <f t="shared" si="4"/>
        <v>JW033229S外窓交換</v>
      </c>
      <c r="L151" s="162" t="str">
        <f t="shared" si="5"/>
        <v>JW033229S外窓交換S</v>
      </c>
      <c r="M151" s="154" t="s">
        <v>830</v>
      </c>
      <c r="N151" s="154" t="s">
        <v>671</v>
      </c>
      <c r="O151" s="154" t="s">
        <v>672</v>
      </c>
      <c r="P151" s="154" t="s">
        <v>172</v>
      </c>
      <c r="Q151" s="154" t="s">
        <v>831</v>
      </c>
    </row>
    <row r="152" spans="1:17" x14ac:dyDescent="0.2">
      <c r="A152" s="154" t="s">
        <v>1339</v>
      </c>
      <c r="B152" s="154" t="s">
        <v>318</v>
      </c>
      <c r="C152" s="154" t="s">
        <v>1340</v>
      </c>
      <c r="K152" s="157" t="str">
        <f t="shared" si="4"/>
        <v>JW033231S外窓交換</v>
      </c>
      <c r="L152" s="162" t="str">
        <f t="shared" si="5"/>
        <v>JW033231S外窓交換S</v>
      </c>
      <c r="M152" s="154" t="s">
        <v>832</v>
      </c>
      <c r="N152" s="154" t="s">
        <v>671</v>
      </c>
      <c r="O152" s="154" t="s">
        <v>672</v>
      </c>
      <c r="P152" s="154" t="s">
        <v>172</v>
      </c>
      <c r="Q152" s="154" t="s">
        <v>833</v>
      </c>
    </row>
    <row r="153" spans="1:17" x14ac:dyDescent="0.2">
      <c r="A153" s="154" t="s">
        <v>1341</v>
      </c>
      <c r="B153" s="154" t="s">
        <v>318</v>
      </c>
      <c r="C153" s="154" t="s">
        <v>1342</v>
      </c>
      <c r="K153" s="157" t="str">
        <f t="shared" si="4"/>
        <v>JW033254S外窓交換</v>
      </c>
      <c r="L153" s="162" t="str">
        <f t="shared" si="5"/>
        <v>JW033254S外窓交換S</v>
      </c>
      <c r="M153" s="154" t="s">
        <v>834</v>
      </c>
      <c r="N153" s="154" t="s">
        <v>671</v>
      </c>
      <c r="O153" s="154" t="s">
        <v>672</v>
      </c>
      <c r="P153" s="154" t="s">
        <v>172</v>
      </c>
      <c r="Q153" s="154" t="s">
        <v>829</v>
      </c>
    </row>
    <row r="154" spans="1:17" x14ac:dyDescent="0.2">
      <c r="A154" s="154" t="s">
        <v>1343</v>
      </c>
      <c r="B154" s="154" t="s">
        <v>318</v>
      </c>
      <c r="C154" s="154" t="s">
        <v>1344</v>
      </c>
      <c r="K154" s="157" t="str">
        <f t="shared" si="4"/>
        <v>JW033256S外窓交換</v>
      </c>
      <c r="L154" s="162" t="str">
        <f t="shared" si="5"/>
        <v>JW033256S外窓交換S</v>
      </c>
      <c r="M154" s="154" t="s">
        <v>835</v>
      </c>
      <c r="N154" s="154" t="s">
        <v>671</v>
      </c>
      <c r="O154" s="154" t="s">
        <v>672</v>
      </c>
      <c r="P154" s="154" t="s">
        <v>172</v>
      </c>
      <c r="Q154" s="154" t="s">
        <v>836</v>
      </c>
    </row>
    <row r="155" spans="1:17" x14ac:dyDescent="0.2">
      <c r="A155" s="154" t="s">
        <v>1345</v>
      </c>
      <c r="B155" s="154" t="s">
        <v>318</v>
      </c>
      <c r="C155" s="154" t="s">
        <v>1346</v>
      </c>
      <c r="K155" s="157" t="str">
        <f t="shared" si="4"/>
        <v>JW033257S外窓交換</v>
      </c>
      <c r="L155" s="162" t="str">
        <f t="shared" si="5"/>
        <v>JW033257S外窓交換S</v>
      </c>
      <c r="M155" s="154" t="s">
        <v>837</v>
      </c>
      <c r="N155" s="154" t="s">
        <v>671</v>
      </c>
      <c r="O155" s="154" t="s">
        <v>672</v>
      </c>
      <c r="P155" s="154" t="s">
        <v>172</v>
      </c>
      <c r="Q155" s="154" t="s">
        <v>838</v>
      </c>
    </row>
    <row r="156" spans="1:17" x14ac:dyDescent="0.2">
      <c r="A156" s="154" t="s">
        <v>1347</v>
      </c>
      <c r="B156" s="154" t="s">
        <v>318</v>
      </c>
      <c r="C156" s="154" t="s">
        <v>1348</v>
      </c>
      <c r="K156" s="157" t="str">
        <f t="shared" si="4"/>
        <v>JW033258S外窓交換</v>
      </c>
      <c r="L156" s="162" t="str">
        <f t="shared" si="5"/>
        <v>JW033258S外窓交換S</v>
      </c>
      <c r="M156" s="154" t="s">
        <v>839</v>
      </c>
      <c r="N156" s="154" t="s">
        <v>671</v>
      </c>
      <c r="O156" s="154" t="s">
        <v>672</v>
      </c>
      <c r="P156" s="154" t="s">
        <v>172</v>
      </c>
      <c r="Q156" s="154" t="s">
        <v>840</v>
      </c>
    </row>
    <row r="157" spans="1:17" x14ac:dyDescent="0.2">
      <c r="K157" s="157" t="str">
        <f t="shared" si="4"/>
        <v>JW033259S外窓交換</v>
      </c>
      <c r="L157" s="162" t="str">
        <f t="shared" si="5"/>
        <v>JW033259S外窓交換S</v>
      </c>
      <c r="M157" s="154" t="s">
        <v>841</v>
      </c>
      <c r="N157" s="154" t="s">
        <v>671</v>
      </c>
      <c r="O157" s="154" t="s">
        <v>672</v>
      </c>
      <c r="P157" s="154" t="s">
        <v>172</v>
      </c>
      <c r="Q157" s="154" t="s">
        <v>842</v>
      </c>
    </row>
    <row r="158" spans="1:17" x14ac:dyDescent="0.2">
      <c r="K158" s="157" t="str">
        <f t="shared" si="4"/>
        <v>JW033261S外窓交換</v>
      </c>
      <c r="L158" s="162" t="str">
        <f t="shared" si="5"/>
        <v>JW033261S外窓交換S</v>
      </c>
      <c r="M158" s="154" t="s">
        <v>843</v>
      </c>
      <c r="N158" s="154" t="s">
        <v>671</v>
      </c>
      <c r="O158" s="154" t="s">
        <v>672</v>
      </c>
      <c r="P158" s="154" t="s">
        <v>172</v>
      </c>
      <c r="Q158" s="154" t="s">
        <v>844</v>
      </c>
    </row>
    <row r="159" spans="1:17" x14ac:dyDescent="0.2">
      <c r="K159" s="157" t="str">
        <f t="shared" si="4"/>
        <v>JW033262S外窓交換</v>
      </c>
      <c r="L159" s="162" t="str">
        <f t="shared" si="5"/>
        <v>JW033262S外窓交換S</v>
      </c>
      <c r="M159" s="154" t="s">
        <v>845</v>
      </c>
      <c r="N159" s="154" t="s">
        <v>671</v>
      </c>
      <c r="O159" s="154" t="s">
        <v>672</v>
      </c>
      <c r="P159" s="154" t="s">
        <v>172</v>
      </c>
      <c r="Q159" s="154" t="s">
        <v>846</v>
      </c>
    </row>
    <row r="160" spans="1:17" x14ac:dyDescent="0.2">
      <c r="K160" s="157" t="str">
        <f t="shared" si="4"/>
        <v>JW033263S外窓交換</v>
      </c>
      <c r="L160" s="162" t="str">
        <f t="shared" si="5"/>
        <v>JW033263S外窓交換S</v>
      </c>
      <c r="M160" s="154" t="s">
        <v>847</v>
      </c>
      <c r="N160" s="154" t="s">
        <v>671</v>
      </c>
      <c r="O160" s="154" t="s">
        <v>672</v>
      </c>
      <c r="P160" s="154" t="s">
        <v>172</v>
      </c>
      <c r="Q160" s="154" t="s">
        <v>848</v>
      </c>
    </row>
    <row r="161" spans="11:17" x14ac:dyDescent="0.2">
      <c r="K161" s="157" t="str">
        <f t="shared" si="4"/>
        <v>JW033264S外窓交換</v>
      </c>
      <c r="L161" s="162" t="str">
        <f t="shared" si="5"/>
        <v>JW033264S外窓交換S</v>
      </c>
      <c r="M161" s="154" t="s">
        <v>849</v>
      </c>
      <c r="N161" s="154" t="s">
        <v>671</v>
      </c>
      <c r="O161" s="154" t="s">
        <v>672</v>
      </c>
      <c r="P161" s="154" t="s">
        <v>172</v>
      </c>
      <c r="Q161" s="154" t="s">
        <v>850</v>
      </c>
    </row>
    <row r="162" spans="11:17" x14ac:dyDescent="0.2">
      <c r="K162" s="157" t="str">
        <f t="shared" si="4"/>
        <v>JW033265S外窓交換</v>
      </c>
      <c r="L162" s="162" t="str">
        <f t="shared" si="5"/>
        <v>JW033265S外窓交換S</v>
      </c>
      <c r="M162" s="154" t="s">
        <v>851</v>
      </c>
      <c r="N162" s="154" t="s">
        <v>671</v>
      </c>
      <c r="O162" s="154" t="s">
        <v>672</v>
      </c>
      <c r="P162" s="154" t="s">
        <v>172</v>
      </c>
      <c r="Q162" s="154" t="s">
        <v>852</v>
      </c>
    </row>
    <row r="163" spans="11:17" x14ac:dyDescent="0.2">
      <c r="K163" s="157" t="str">
        <f t="shared" si="4"/>
        <v>JW033266S外窓交換</v>
      </c>
      <c r="L163" s="162" t="str">
        <f t="shared" si="5"/>
        <v>JW033266S外窓交換S</v>
      </c>
      <c r="M163" s="154" t="s">
        <v>853</v>
      </c>
      <c r="N163" s="154" t="s">
        <v>671</v>
      </c>
      <c r="O163" s="154" t="s">
        <v>672</v>
      </c>
      <c r="P163" s="154" t="s">
        <v>172</v>
      </c>
      <c r="Q163" s="154" t="s">
        <v>854</v>
      </c>
    </row>
    <row r="164" spans="11:17" x14ac:dyDescent="0.2">
      <c r="K164" s="157" t="str">
        <f t="shared" si="4"/>
        <v>JW033267S外窓交換</v>
      </c>
      <c r="L164" s="162" t="str">
        <f t="shared" si="5"/>
        <v>JW033267S外窓交換S</v>
      </c>
      <c r="M164" s="154" t="s">
        <v>855</v>
      </c>
      <c r="N164" s="154" t="s">
        <v>671</v>
      </c>
      <c r="O164" s="154" t="s">
        <v>672</v>
      </c>
      <c r="P164" s="154" t="s">
        <v>172</v>
      </c>
      <c r="Q164" s="154" t="s">
        <v>856</v>
      </c>
    </row>
    <row r="165" spans="11:17" x14ac:dyDescent="0.2">
      <c r="K165" s="157" t="str">
        <f t="shared" si="4"/>
        <v>JW033268S外窓交換</v>
      </c>
      <c r="L165" s="162" t="str">
        <f t="shared" si="5"/>
        <v>JW033268S外窓交換S</v>
      </c>
      <c r="M165" s="154" t="s">
        <v>857</v>
      </c>
      <c r="N165" s="154" t="s">
        <v>671</v>
      </c>
      <c r="O165" s="154" t="s">
        <v>672</v>
      </c>
      <c r="P165" s="154" t="s">
        <v>172</v>
      </c>
      <c r="Q165" s="154" t="s">
        <v>858</v>
      </c>
    </row>
    <row r="166" spans="11:17" x14ac:dyDescent="0.2">
      <c r="K166" s="157" t="str">
        <f t="shared" si="4"/>
        <v>JW033269S外窓交換</v>
      </c>
      <c r="L166" s="162" t="str">
        <f t="shared" si="5"/>
        <v>JW033269S外窓交換S</v>
      </c>
      <c r="M166" s="154" t="s">
        <v>859</v>
      </c>
      <c r="N166" s="154" t="s">
        <v>671</v>
      </c>
      <c r="O166" s="154" t="s">
        <v>672</v>
      </c>
      <c r="P166" s="154" t="s">
        <v>172</v>
      </c>
      <c r="Q166" s="154" t="s">
        <v>860</v>
      </c>
    </row>
    <row r="167" spans="11:17" x14ac:dyDescent="0.2">
      <c r="K167" s="157" t="str">
        <f t="shared" si="4"/>
        <v>JW033271S外窓交換</v>
      </c>
      <c r="L167" s="162" t="str">
        <f t="shared" si="5"/>
        <v>JW033271S外窓交換S</v>
      </c>
      <c r="M167" s="154" t="s">
        <v>861</v>
      </c>
      <c r="N167" s="154" t="s">
        <v>671</v>
      </c>
      <c r="O167" s="154" t="s">
        <v>672</v>
      </c>
      <c r="P167" s="154" t="s">
        <v>172</v>
      </c>
      <c r="Q167" s="154" t="s">
        <v>862</v>
      </c>
    </row>
    <row r="168" spans="11:17" x14ac:dyDescent="0.2">
      <c r="K168" s="157" t="str">
        <f t="shared" si="4"/>
        <v>JW033272S外窓交換</v>
      </c>
      <c r="L168" s="162" t="str">
        <f t="shared" si="5"/>
        <v>JW033272S外窓交換S</v>
      </c>
      <c r="M168" s="154" t="s">
        <v>863</v>
      </c>
      <c r="N168" s="154" t="s">
        <v>671</v>
      </c>
      <c r="O168" s="154" t="s">
        <v>672</v>
      </c>
      <c r="P168" s="154" t="s">
        <v>172</v>
      </c>
      <c r="Q168" s="154" t="s">
        <v>864</v>
      </c>
    </row>
    <row r="169" spans="11:17" x14ac:dyDescent="0.2">
      <c r="K169" s="157" t="str">
        <f t="shared" si="4"/>
        <v>JW033273S外窓交換</v>
      </c>
      <c r="L169" s="162" t="str">
        <f t="shared" si="5"/>
        <v>JW033273S外窓交換S</v>
      </c>
      <c r="M169" s="154" t="s">
        <v>1161</v>
      </c>
      <c r="N169" s="154" t="s">
        <v>671</v>
      </c>
      <c r="O169" s="154" t="s">
        <v>672</v>
      </c>
      <c r="P169" s="154" t="s">
        <v>172</v>
      </c>
      <c r="Q169" s="154" t="s">
        <v>1162</v>
      </c>
    </row>
    <row r="170" spans="11:17" x14ac:dyDescent="0.2">
      <c r="K170" s="157" t="str">
        <f t="shared" si="4"/>
        <v>JW033274S外窓交換</v>
      </c>
      <c r="L170" s="162" t="str">
        <f t="shared" si="5"/>
        <v>JW033274S外窓交換S</v>
      </c>
      <c r="M170" s="154" t="s">
        <v>1163</v>
      </c>
      <c r="N170" s="154" t="s">
        <v>671</v>
      </c>
      <c r="O170" s="154" t="s">
        <v>672</v>
      </c>
      <c r="P170" s="154" t="s">
        <v>172</v>
      </c>
      <c r="Q170" s="154" t="s">
        <v>1164</v>
      </c>
    </row>
    <row r="171" spans="11:17" x14ac:dyDescent="0.2">
      <c r="K171" s="157" t="str">
        <f t="shared" si="4"/>
        <v>JW033275S外窓交換</v>
      </c>
      <c r="L171" s="162" t="str">
        <f t="shared" si="5"/>
        <v>JW033275S外窓交換S</v>
      </c>
      <c r="M171" s="154" t="s">
        <v>1165</v>
      </c>
      <c r="N171" s="154" t="s">
        <v>671</v>
      </c>
      <c r="O171" s="154" t="s">
        <v>672</v>
      </c>
      <c r="P171" s="154" t="s">
        <v>172</v>
      </c>
      <c r="Q171" s="154" t="s">
        <v>1166</v>
      </c>
    </row>
    <row r="172" spans="11:17" x14ac:dyDescent="0.2">
      <c r="K172" s="157" t="str">
        <f t="shared" si="4"/>
        <v>JW033276S外窓交換</v>
      </c>
      <c r="L172" s="162" t="str">
        <f t="shared" si="5"/>
        <v>JW033276S外窓交換S</v>
      </c>
      <c r="M172" s="154" t="s">
        <v>1167</v>
      </c>
      <c r="N172" s="154" t="s">
        <v>671</v>
      </c>
      <c r="O172" s="154" t="s">
        <v>672</v>
      </c>
      <c r="P172" s="154" t="s">
        <v>172</v>
      </c>
      <c r="Q172" s="154" t="s">
        <v>1168</v>
      </c>
    </row>
    <row r="173" spans="11:17" x14ac:dyDescent="0.2">
      <c r="K173" s="157" t="str">
        <f t="shared" si="4"/>
        <v>JW033277S外窓交換</v>
      </c>
      <c r="L173" s="162" t="str">
        <f t="shared" si="5"/>
        <v>JW033277S外窓交換S</v>
      </c>
      <c r="M173" s="154" t="s">
        <v>1169</v>
      </c>
      <c r="N173" s="154" t="s">
        <v>671</v>
      </c>
      <c r="O173" s="154" t="s">
        <v>672</v>
      </c>
      <c r="P173" s="154" t="s">
        <v>172</v>
      </c>
      <c r="Q173" s="154" t="s">
        <v>1170</v>
      </c>
    </row>
    <row r="174" spans="11:17" x14ac:dyDescent="0.2">
      <c r="K174" s="157" t="str">
        <f t="shared" si="4"/>
        <v>JW033278S外窓交換</v>
      </c>
      <c r="L174" s="162" t="str">
        <f t="shared" si="5"/>
        <v>JW033278S外窓交換S</v>
      </c>
      <c r="M174" s="154" t="s">
        <v>1171</v>
      </c>
      <c r="N174" s="154" t="s">
        <v>671</v>
      </c>
      <c r="O174" s="154" t="s">
        <v>672</v>
      </c>
      <c r="P174" s="154" t="s">
        <v>172</v>
      </c>
      <c r="Q174" s="154" t="s">
        <v>1172</v>
      </c>
    </row>
    <row r="175" spans="11:17" x14ac:dyDescent="0.2">
      <c r="K175" s="157" t="str">
        <f t="shared" si="4"/>
        <v>JW033279S外窓交換</v>
      </c>
      <c r="L175" s="162" t="str">
        <f t="shared" si="5"/>
        <v>JW033279S外窓交換S</v>
      </c>
      <c r="M175" s="154" t="s">
        <v>1173</v>
      </c>
      <c r="N175" s="154" t="s">
        <v>671</v>
      </c>
      <c r="O175" s="154" t="s">
        <v>672</v>
      </c>
      <c r="P175" s="154" t="s">
        <v>172</v>
      </c>
      <c r="Q175" s="154" t="s">
        <v>1174</v>
      </c>
    </row>
    <row r="176" spans="11:17" x14ac:dyDescent="0.2">
      <c r="K176" s="157" t="str">
        <f t="shared" si="4"/>
        <v>JW033280S外窓交換</v>
      </c>
      <c r="L176" s="162" t="str">
        <f t="shared" si="5"/>
        <v>JW033280S外窓交換S</v>
      </c>
      <c r="M176" s="154" t="s">
        <v>1175</v>
      </c>
      <c r="N176" s="154" t="s">
        <v>671</v>
      </c>
      <c r="O176" s="154" t="s">
        <v>672</v>
      </c>
      <c r="P176" s="154" t="s">
        <v>172</v>
      </c>
      <c r="Q176" s="154" t="s">
        <v>1176</v>
      </c>
    </row>
    <row r="177" spans="11:17" x14ac:dyDescent="0.2">
      <c r="K177" s="157" t="str">
        <f t="shared" si="4"/>
        <v>JW033315S外窓交換</v>
      </c>
      <c r="L177" s="162" t="str">
        <f t="shared" si="5"/>
        <v>JW033315S外窓交換S</v>
      </c>
      <c r="M177" s="154" t="s">
        <v>865</v>
      </c>
      <c r="N177" s="154" t="s">
        <v>671</v>
      </c>
      <c r="O177" s="154" t="s">
        <v>672</v>
      </c>
      <c r="P177" s="154" t="s">
        <v>172</v>
      </c>
      <c r="Q177" s="154" t="s">
        <v>866</v>
      </c>
    </row>
    <row r="178" spans="11:17" x14ac:dyDescent="0.2">
      <c r="K178" s="157" t="str">
        <f t="shared" si="4"/>
        <v>JW033318S外窓交換</v>
      </c>
      <c r="L178" s="162" t="str">
        <f t="shared" si="5"/>
        <v>JW033318S外窓交換S</v>
      </c>
      <c r="M178" s="154" t="s">
        <v>867</v>
      </c>
      <c r="N178" s="154" t="s">
        <v>671</v>
      </c>
      <c r="O178" s="154" t="s">
        <v>672</v>
      </c>
      <c r="P178" s="154" t="s">
        <v>172</v>
      </c>
      <c r="Q178" s="154" t="s">
        <v>868</v>
      </c>
    </row>
    <row r="179" spans="11:17" x14ac:dyDescent="0.2">
      <c r="K179" s="157" t="str">
        <f t="shared" si="4"/>
        <v>JW033329S外窓交換</v>
      </c>
      <c r="L179" s="162" t="str">
        <f t="shared" si="5"/>
        <v>JW033329S外窓交換S</v>
      </c>
      <c r="M179" s="154" t="s">
        <v>902</v>
      </c>
      <c r="N179" s="154" t="s">
        <v>671</v>
      </c>
      <c r="O179" s="154" t="s">
        <v>672</v>
      </c>
      <c r="P179" s="154" t="s">
        <v>172</v>
      </c>
      <c r="Q179" s="154" t="s">
        <v>903</v>
      </c>
    </row>
    <row r="180" spans="11:17" x14ac:dyDescent="0.2">
      <c r="K180" s="157" t="str">
        <f t="shared" si="4"/>
        <v>JW033331S外窓交換</v>
      </c>
      <c r="L180" s="162" t="str">
        <f t="shared" si="5"/>
        <v>JW033331S外窓交換S</v>
      </c>
      <c r="M180" s="154" t="s">
        <v>904</v>
      </c>
      <c r="N180" s="154" t="s">
        <v>671</v>
      </c>
      <c r="O180" s="154" t="s">
        <v>672</v>
      </c>
      <c r="P180" s="154" t="s">
        <v>172</v>
      </c>
      <c r="Q180" s="154" t="s">
        <v>905</v>
      </c>
    </row>
    <row r="181" spans="11:17" x14ac:dyDescent="0.2">
      <c r="K181" s="157" t="str">
        <f t="shared" si="4"/>
        <v>JW034511S外窓交換（防火・防風・防犯仕様）</v>
      </c>
      <c r="L181" s="162" t="str">
        <f t="shared" si="5"/>
        <v>JW034511S外窓交換（防火・防風・防犯仕様）S</v>
      </c>
      <c r="M181" s="154" t="s">
        <v>906</v>
      </c>
      <c r="N181" s="154" t="s">
        <v>602</v>
      </c>
      <c r="O181" s="154" t="s">
        <v>663</v>
      </c>
      <c r="P181" s="154" t="s">
        <v>172</v>
      </c>
      <c r="Q181" s="154" t="s">
        <v>1210</v>
      </c>
    </row>
    <row r="182" spans="11:17" x14ac:dyDescent="0.2">
      <c r="K182" s="157" t="str">
        <f t="shared" si="4"/>
        <v>JW034512S外窓交換（防火・防風・防犯仕様）</v>
      </c>
      <c r="L182" s="162" t="str">
        <f t="shared" si="5"/>
        <v>JW034512S外窓交換（防火・防風・防犯仕様）S</v>
      </c>
      <c r="M182" s="154" t="s">
        <v>907</v>
      </c>
      <c r="N182" s="154" t="s">
        <v>602</v>
      </c>
      <c r="O182" s="154" t="s">
        <v>663</v>
      </c>
      <c r="P182" s="154" t="s">
        <v>172</v>
      </c>
      <c r="Q182" s="154" t="s">
        <v>1211</v>
      </c>
    </row>
    <row r="183" spans="11:17" x14ac:dyDescent="0.2">
      <c r="K183" s="157" t="str">
        <f t="shared" si="4"/>
        <v>JW034513A外窓交換（防火・防風・防犯仕様）</v>
      </c>
      <c r="L183" s="162" t="str">
        <f t="shared" si="5"/>
        <v>JW034513A外窓交換（防火・防風・防犯仕様）A</v>
      </c>
      <c r="M183" s="154" t="s">
        <v>908</v>
      </c>
      <c r="N183" s="154" t="s">
        <v>602</v>
      </c>
      <c r="O183" s="154" t="s">
        <v>663</v>
      </c>
      <c r="P183" s="154" t="s">
        <v>172</v>
      </c>
      <c r="Q183" s="154" t="s">
        <v>1212</v>
      </c>
    </row>
    <row r="184" spans="11:17" x14ac:dyDescent="0.2">
      <c r="K184" s="157" t="str">
        <f t="shared" si="4"/>
        <v>JW034514S外窓交換（防火・防風・防犯仕様）</v>
      </c>
      <c r="L184" s="162" t="str">
        <f t="shared" si="5"/>
        <v>JW034514S外窓交換（防火・防風・防犯仕様）S</v>
      </c>
      <c r="M184" s="154" t="s">
        <v>909</v>
      </c>
      <c r="N184" s="154" t="s">
        <v>602</v>
      </c>
      <c r="O184" s="154" t="s">
        <v>663</v>
      </c>
      <c r="P184" s="154" t="s">
        <v>172</v>
      </c>
      <c r="Q184" s="154" t="s">
        <v>910</v>
      </c>
    </row>
    <row r="185" spans="11:17" x14ac:dyDescent="0.2">
      <c r="K185" s="157" t="str">
        <f t="shared" si="4"/>
        <v>JW034515S外窓交換（防火・防風・防犯仕様）</v>
      </c>
      <c r="L185" s="162" t="str">
        <f t="shared" si="5"/>
        <v>JW034515S外窓交換（防火・防風・防犯仕様）S</v>
      </c>
      <c r="M185" s="154" t="s">
        <v>911</v>
      </c>
      <c r="N185" s="154" t="s">
        <v>602</v>
      </c>
      <c r="O185" s="154" t="s">
        <v>663</v>
      </c>
      <c r="P185" s="154" t="s">
        <v>172</v>
      </c>
      <c r="Q185" s="154" t="s">
        <v>912</v>
      </c>
    </row>
    <row r="186" spans="11:17" x14ac:dyDescent="0.2">
      <c r="K186" s="157" t="str">
        <f t="shared" si="4"/>
        <v>JW034516A外窓交換（防火・防風・防犯仕様）</v>
      </c>
      <c r="L186" s="162" t="str">
        <f t="shared" si="5"/>
        <v>JW034516A外窓交換（防火・防風・防犯仕様）A</v>
      </c>
      <c r="M186" s="154" t="s">
        <v>913</v>
      </c>
      <c r="N186" s="154" t="s">
        <v>602</v>
      </c>
      <c r="O186" s="154" t="s">
        <v>663</v>
      </c>
      <c r="P186" s="154" t="s">
        <v>172</v>
      </c>
      <c r="Q186" s="154" t="s">
        <v>914</v>
      </c>
    </row>
    <row r="187" spans="11:17" x14ac:dyDescent="0.2">
      <c r="K187" s="157" t="str">
        <f t="shared" si="4"/>
        <v>JW034517A外窓交換（防火・防風・防犯仕様）</v>
      </c>
      <c r="L187" s="162" t="str">
        <f t="shared" si="5"/>
        <v>JW034517A外窓交換（防火・防風・防犯仕様）A</v>
      </c>
      <c r="M187" s="154" t="s">
        <v>915</v>
      </c>
      <c r="N187" s="154" t="s">
        <v>602</v>
      </c>
      <c r="O187" s="154" t="s">
        <v>663</v>
      </c>
      <c r="P187" s="154" t="s">
        <v>172</v>
      </c>
      <c r="Q187" s="154" t="s">
        <v>916</v>
      </c>
    </row>
    <row r="188" spans="11:17" x14ac:dyDescent="0.2">
      <c r="K188" s="157" t="str">
        <f t="shared" si="4"/>
        <v>JW034518A外窓交換（防火・防風・防犯仕様）</v>
      </c>
      <c r="L188" s="162" t="str">
        <f t="shared" si="5"/>
        <v>JW034518A外窓交換（防火・防風・防犯仕様）A</v>
      </c>
      <c r="M188" s="154" t="s">
        <v>917</v>
      </c>
      <c r="N188" s="154" t="s">
        <v>602</v>
      </c>
      <c r="O188" s="154" t="s">
        <v>663</v>
      </c>
      <c r="P188" s="154" t="s">
        <v>172</v>
      </c>
      <c r="Q188" s="154" t="s">
        <v>918</v>
      </c>
    </row>
    <row r="189" spans="11:17" x14ac:dyDescent="0.2">
      <c r="K189" s="157" t="str">
        <f t="shared" si="4"/>
        <v>JW034519A外窓交換（防火・防風・防犯仕様）</v>
      </c>
      <c r="L189" s="162" t="str">
        <f t="shared" si="5"/>
        <v>JW034519A外窓交換（防火・防風・防犯仕様）A</v>
      </c>
      <c r="M189" s="154" t="s">
        <v>919</v>
      </c>
      <c r="N189" s="154" t="s">
        <v>602</v>
      </c>
      <c r="O189" s="154" t="s">
        <v>663</v>
      </c>
      <c r="P189" s="154" t="s">
        <v>172</v>
      </c>
      <c r="Q189" s="154" t="s">
        <v>920</v>
      </c>
    </row>
    <row r="190" spans="11:17" x14ac:dyDescent="0.2">
      <c r="K190" s="157" t="str">
        <f t="shared" si="4"/>
        <v>JW034521S外窓交換（防火・防風・防犯仕様）</v>
      </c>
      <c r="L190" s="162" t="str">
        <f t="shared" si="5"/>
        <v>JW034521S外窓交換（防火・防風・防犯仕様）S</v>
      </c>
      <c r="M190" s="154" t="s">
        <v>921</v>
      </c>
      <c r="N190" s="154" t="s">
        <v>602</v>
      </c>
      <c r="O190" s="154" t="s">
        <v>663</v>
      </c>
      <c r="P190" s="154" t="s">
        <v>172</v>
      </c>
      <c r="Q190" s="154" t="s">
        <v>922</v>
      </c>
    </row>
    <row r="191" spans="11:17" x14ac:dyDescent="0.2">
      <c r="K191" s="157" t="str">
        <f t="shared" si="4"/>
        <v>JW034522S外窓交換（防火・防風・防犯仕様）</v>
      </c>
      <c r="L191" s="162" t="str">
        <f t="shared" si="5"/>
        <v>JW034522S外窓交換（防火・防風・防犯仕様）S</v>
      </c>
      <c r="M191" s="154" t="s">
        <v>923</v>
      </c>
      <c r="N191" s="154" t="s">
        <v>602</v>
      </c>
      <c r="O191" s="154" t="s">
        <v>663</v>
      </c>
      <c r="P191" s="154" t="s">
        <v>172</v>
      </c>
      <c r="Q191" s="154" t="s">
        <v>924</v>
      </c>
    </row>
    <row r="192" spans="11:17" x14ac:dyDescent="0.2">
      <c r="K192" s="157" t="str">
        <f t="shared" si="4"/>
        <v>JW034523A外窓交換（防火・防風・防犯仕様）</v>
      </c>
      <c r="L192" s="162" t="str">
        <f t="shared" si="5"/>
        <v>JW034523A外窓交換（防火・防風・防犯仕様）A</v>
      </c>
      <c r="M192" s="154" t="s">
        <v>925</v>
      </c>
      <c r="N192" s="154" t="s">
        <v>602</v>
      </c>
      <c r="O192" s="154" t="s">
        <v>663</v>
      </c>
      <c r="P192" s="154" t="s">
        <v>172</v>
      </c>
      <c r="Q192" s="154" t="s">
        <v>926</v>
      </c>
    </row>
    <row r="193" spans="11:17" x14ac:dyDescent="0.2">
      <c r="K193" s="157" t="str">
        <f t="shared" si="4"/>
        <v>JW034524S外窓交換（防火・防風・防犯仕様）</v>
      </c>
      <c r="L193" s="162" t="str">
        <f t="shared" si="5"/>
        <v>JW034524S外窓交換（防火・防風・防犯仕様）S</v>
      </c>
      <c r="M193" s="154" t="s">
        <v>927</v>
      </c>
      <c r="N193" s="154" t="s">
        <v>602</v>
      </c>
      <c r="O193" s="154" t="s">
        <v>663</v>
      </c>
      <c r="P193" s="154" t="s">
        <v>172</v>
      </c>
      <c r="Q193" s="154" t="s">
        <v>928</v>
      </c>
    </row>
    <row r="194" spans="11:17" x14ac:dyDescent="0.2">
      <c r="K194" s="157" t="str">
        <f t="shared" si="4"/>
        <v>JW034525S外窓交換（防火・防風・防犯仕様）</v>
      </c>
      <c r="L194" s="162" t="str">
        <f t="shared" si="5"/>
        <v>JW034525S外窓交換（防火・防風・防犯仕様）S</v>
      </c>
      <c r="M194" s="154" t="s">
        <v>929</v>
      </c>
      <c r="N194" s="154" t="s">
        <v>602</v>
      </c>
      <c r="O194" s="154" t="s">
        <v>663</v>
      </c>
      <c r="P194" s="154" t="s">
        <v>172</v>
      </c>
      <c r="Q194" s="154" t="s">
        <v>930</v>
      </c>
    </row>
    <row r="195" spans="11:17" x14ac:dyDescent="0.2">
      <c r="K195" s="157" t="str">
        <f t="shared" si="4"/>
        <v>JW034526A外窓交換（防火・防風・防犯仕様）</v>
      </c>
      <c r="L195" s="162" t="str">
        <f t="shared" si="5"/>
        <v>JW034526A外窓交換（防火・防風・防犯仕様）A</v>
      </c>
      <c r="M195" s="154" t="s">
        <v>931</v>
      </c>
      <c r="N195" s="154" t="s">
        <v>602</v>
      </c>
      <c r="O195" s="154" t="s">
        <v>663</v>
      </c>
      <c r="P195" s="154" t="s">
        <v>172</v>
      </c>
      <c r="Q195" s="154" t="s">
        <v>932</v>
      </c>
    </row>
    <row r="196" spans="11:17" x14ac:dyDescent="0.2">
      <c r="K196" s="157" t="str">
        <f t="shared" si="4"/>
        <v>JW034527A外窓交換（防火・防風・防犯仕様）</v>
      </c>
      <c r="L196" s="162" t="str">
        <f t="shared" si="5"/>
        <v>JW034527A外窓交換（防火・防風・防犯仕様）A</v>
      </c>
      <c r="M196" s="154" t="s">
        <v>933</v>
      </c>
      <c r="N196" s="154" t="s">
        <v>602</v>
      </c>
      <c r="O196" s="154" t="s">
        <v>663</v>
      </c>
      <c r="P196" s="154" t="s">
        <v>172</v>
      </c>
      <c r="Q196" s="154" t="s">
        <v>934</v>
      </c>
    </row>
    <row r="197" spans="11:17" x14ac:dyDescent="0.2">
      <c r="K197" s="157" t="str">
        <f t="shared" ref="K197:K260" si="6">M197&amp;O197</f>
        <v>JW034528A外窓交換（防火・防風・防犯仕様）</v>
      </c>
      <c r="L197" s="162" t="str">
        <f t="shared" ref="L197:L260" si="7">M197&amp;O197&amp;(IF(M197&lt;&gt;"", RIGHT(M197,1),""))</f>
        <v>JW034528A外窓交換（防火・防風・防犯仕様）A</v>
      </c>
      <c r="M197" s="154" t="s">
        <v>935</v>
      </c>
      <c r="N197" s="154" t="s">
        <v>602</v>
      </c>
      <c r="O197" s="154" t="s">
        <v>663</v>
      </c>
      <c r="P197" s="154" t="s">
        <v>172</v>
      </c>
      <c r="Q197" s="154" t="s">
        <v>936</v>
      </c>
    </row>
    <row r="198" spans="11:17" x14ac:dyDescent="0.2">
      <c r="K198" s="157" t="str">
        <f t="shared" si="6"/>
        <v>JW034529A外窓交換（防火・防風・防犯仕様）</v>
      </c>
      <c r="L198" s="162" t="str">
        <f t="shared" si="7"/>
        <v>JW034529A外窓交換（防火・防風・防犯仕様）A</v>
      </c>
      <c r="M198" s="154" t="s">
        <v>937</v>
      </c>
      <c r="N198" s="154" t="s">
        <v>602</v>
      </c>
      <c r="O198" s="154" t="s">
        <v>663</v>
      </c>
      <c r="P198" s="154" t="s">
        <v>172</v>
      </c>
      <c r="Q198" s="154" t="s">
        <v>938</v>
      </c>
    </row>
    <row r="199" spans="11:17" x14ac:dyDescent="0.2">
      <c r="K199" s="157" t="str">
        <f t="shared" si="6"/>
        <v>JW034531A外窓交換（防火・防風・防犯仕様）</v>
      </c>
      <c r="L199" s="162" t="str">
        <f t="shared" si="7"/>
        <v>JW034531A外窓交換（防火・防風・防犯仕様）A</v>
      </c>
      <c r="M199" s="154" t="s">
        <v>939</v>
      </c>
      <c r="N199" s="154" t="s">
        <v>602</v>
      </c>
      <c r="O199" s="154" t="s">
        <v>663</v>
      </c>
      <c r="P199" s="154" t="s">
        <v>172</v>
      </c>
      <c r="Q199" s="154" t="s">
        <v>940</v>
      </c>
    </row>
    <row r="200" spans="11:17" x14ac:dyDescent="0.2">
      <c r="K200" s="157" t="str">
        <f t="shared" si="6"/>
        <v>JW034532S外窓交換（防火・防風・防犯仕様）</v>
      </c>
      <c r="L200" s="162" t="str">
        <f t="shared" si="7"/>
        <v>JW034532S外窓交換（防火・防風・防犯仕様）S</v>
      </c>
      <c r="M200" s="154" t="s">
        <v>941</v>
      </c>
      <c r="N200" s="154" t="s">
        <v>602</v>
      </c>
      <c r="O200" s="154" t="s">
        <v>663</v>
      </c>
      <c r="P200" s="154" t="s">
        <v>172</v>
      </c>
      <c r="Q200" s="154" t="s">
        <v>942</v>
      </c>
    </row>
    <row r="201" spans="11:17" x14ac:dyDescent="0.2">
      <c r="K201" s="157" t="str">
        <f t="shared" si="6"/>
        <v>JW034533S外窓交換（防火・防風・防犯仕様）</v>
      </c>
      <c r="L201" s="162" t="str">
        <f t="shared" si="7"/>
        <v>JW034533S外窓交換（防火・防風・防犯仕様）S</v>
      </c>
      <c r="M201" s="154" t="s">
        <v>943</v>
      </c>
      <c r="N201" s="154" t="s">
        <v>602</v>
      </c>
      <c r="O201" s="154" t="s">
        <v>663</v>
      </c>
      <c r="P201" s="154" t="s">
        <v>172</v>
      </c>
      <c r="Q201" s="154" t="s">
        <v>944</v>
      </c>
    </row>
    <row r="202" spans="11:17" x14ac:dyDescent="0.2">
      <c r="K202" s="157" t="str">
        <f t="shared" si="6"/>
        <v>JW034534A外窓交換（防火・防風・防犯仕様）</v>
      </c>
      <c r="L202" s="162" t="str">
        <f t="shared" si="7"/>
        <v>JW034534A外窓交換（防火・防風・防犯仕様）A</v>
      </c>
      <c r="M202" s="154" t="s">
        <v>945</v>
      </c>
      <c r="N202" s="154" t="s">
        <v>602</v>
      </c>
      <c r="O202" s="154" t="s">
        <v>663</v>
      </c>
      <c r="P202" s="154" t="s">
        <v>172</v>
      </c>
      <c r="Q202" s="154" t="s">
        <v>946</v>
      </c>
    </row>
    <row r="203" spans="11:17" x14ac:dyDescent="0.2">
      <c r="K203" s="157" t="str">
        <f t="shared" si="6"/>
        <v>JW034535A外窓交換（防火・防風・防犯仕様）</v>
      </c>
      <c r="L203" s="162" t="str">
        <f t="shared" si="7"/>
        <v>JW034535A外窓交換（防火・防風・防犯仕様）A</v>
      </c>
      <c r="M203" s="154" t="s">
        <v>947</v>
      </c>
      <c r="N203" s="154" t="s">
        <v>602</v>
      </c>
      <c r="O203" s="154" t="s">
        <v>663</v>
      </c>
      <c r="P203" s="154" t="s">
        <v>172</v>
      </c>
      <c r="Q203" s="154" t="s">
        <v>948</v>
      </c>
    </row>
    <row r="204" spans="11:17" x14ac:dyDescent="0.2">
      <c r="K204" s="157" t="str">
        <f t="shared" si="6"/>
        <v>JW034536A外窓交換（防火・防風・防犯仕様）</v>
      </c>
      <c r="L204" s="162" t="str">
        <f t="shared" si="7"/>
        <v>JW034536A外窓交換（防火・防風・防犯仕様）A</v>
      </c>
      <c r="M204" s="154" t="s">
        <v>1177</v>
      </c>
      <c r="N204" s="154" t="s">
        <v>602</v>
      </c>
      <c r="O204" s="154" t="s">
        <v>663</v>
      </c>
      <c r="P204" s="154" t="s">
        <v>172</v>
      </c>
      <c r="Q204" s="154" t="s">
        <v>940</v>
      </c>
    </row>
    <row r="205" spans="11:17" x14ac:dyDescent="0.2">
      <c r="K205" s="157" t="str">
        <f t="shared" si="6"/>
        <v>JW034537A外窓交換（防火・防風・防犯仕様）</v>
      </c>
      <c r="L205" s="162" t="str">
        <f t="shared" si="7"/>
        <v>JW034537A外窓交換（防火・防風・防犯仕様）A</v>
      </c>
      <c r="M205" s="154" t="s">
        <v>1178</v>
      </c>
      <c r="N205" s="154" t="s">
        <v>602</v>
      </c>
      <c r="O205" s="154" t="s">
        <v>663</v>
      </c>
      <c r="P205" s="154" t="s">
        <v>172</v>
      </c>
      <c r="Q205" s="154" t="s">
        <v>1179</v>
      </c>
    </row>
    <row r="206" spans="11:17" x14ac:dyDescent="0.2">
      <c r="K206" s="157" t="str">
        <f t="shared" si="6"/>
        <v>JW040602S外窓交換（防火・防風・防犯仕様）</v>
      </c>
      <c r="L206" s="162" t="str">
        <f t="shared" si="7"/>
        <v>JW040602S外窓交換（防火・防風・防犯仕様）S</v>
      </c>
      <c r="M206" s="154" t="s">
        <v>774</v>
      </c>
      <c r="N206" s="154" t="s">
        <v>602</v>
      </c>
      <c r="O206" s="154" t="s">
        <v>663</v>
      </c>
      <c r="P206" s="154" t="s">
        <v>722</v>
      </c>
      <c r="Q206" s="154" t="s">
        <v>723</v>
      </c>
    </row>
    <row r="207" spans="11:17" x14ac:dyDescent="0.2">
      <c r="K207" s="157" t="str">
        <f t="shared" si="6"/>
        <v>JW040701S外窓交換（防火・防風・防犯仕様）</v>
      </c>
      <c r="L207" s="162" t="str">
        <f t="shared" si="7"/>
        <v>JW040701S外窓交換（防火・防風・防犯仕様）S</v>
      </c>
      <c r="M207" s="154" t="s">
        <v>775</v>
      </c>
      <c r="N207" s="154" t="s">
        <v>602</v>
      </c>
      <c r="O207" s="154" t="s">
        <v>663</v>
      </c>
      <c r="P207" s="154" t="s">
        <v>722</v>
      </c>
      <c r="Q207" s="154" t="s">
        <v>724</v>
      </c>
    </row>
    <row r="208" spans="11:17" x14ac:dyDescent="0.2">
      <c r="K208" s="157" t="str">
        <f t="shared" si="6"/>
        <v>JW040802S外窓交換（防火・防風・防犯仕様）</v>
      </c>
      <c r="L208" s="162" t="str">
        <f t="shared" si="7"/>
        <v>JW040802S外窓交換（防火・防風・防犯仕様）S</v>
      </c>
      <c r="M208" s="154" t="s">
        <v>1361</v>
      </c>
      <c r="N208" s="154" t="s">
        <v>602</v>
      </c>
      <c r="O208" s="154" t="s">
        <v>663</v>
      </c>
      <c r="P208" s="154" t="s">
        <v>722</v>
      </c>
      <c r="Q208" s="154" t="s">
        <v>725</v>
      </c>
    </row>
    <row r="209" spans="11:17" x14ac:dyDescent="0.2">
      <c r="K209" s="157" t="str">
        <f t="shared" si="6"/>
        <v>JW091014S外窓交換</v>
      </c>
      <c r="L209" s="162" t="str">
        <f t="shared" si="7"/>
        <v>JW091014S外窓交換S</v>
      </c>
      <c r="M209" s="154" t="s">
        <v>1362</v>
      </c>
      <c r="N209" s="154" t="s">
        <v>671</v>
      </c>
      <c r="O209" s="154" t="s">
        <v>672</v>
      </c>
      <c r="P209" s="154" t="s">
        <v>726</v>
      </c>
      <c r="Q209" s="154" t="s">
        <v>727</v>
      </c>
    </row>
    <row r="210" spans="11:17" x14ac:dyDescent="0.2">
      <c r="K210" s="157" t="str">
        <f t="shared" si="6"/>
        <v>JW091015S外窓交換</v>
      </c>
      <c r="L210" s="162" t="str">
        <f t="shared" si="7"/>
        <v>JW091015S外窓交換S</v>
      </c>
      <c r="M210" s="154" t="s">
        <v>869</v>
      </c>
      <c r="N210" s="154" t="s">
        <v>671</v>
      </c>
      <c r="O210" s="154" t="s">
        <v>672</v>
      </c>
      <c r="P210" s="154" t="s">
        <v>726</v>
      </c>
      <c r="Q210" s="154" t="s">
        <v>728</v>
      </c>
    </row>
    <row r="211" spans="11:17" x14ac:dyDescent="0.2">
      <c r="K211" s="157" t="str">
        <f t="shared" si="6"/>
        <v>JW091016S外窓交換</v>
      </c>
      <c r="L211" s="162" t="str">
        <f t="shared" si="7"/>
        <v>JW091016S外窓交換S</v>
      </c>
      <c r="M211" s="154" t="s">
        <v>870</v>
      </c>
      <c r="N211" s="154" t="s">
        <v>671</v>
      </c>
      <c r="O211" s="154" t="s">
        <v>672</v>
      </c>
      <c r="P211" s="154" t="s">
        <v>726</v>
      </c>
      <c r="Q211" s="154" t="s">
        <v>729</v>
      </c>
    </row>
    <row r="212" spans="11:17" x14ac:dyDescent="0.2">
      <c r="K212" s="157" t="str">
        <f t="shared" si="6"/>
        <v>JW098400S外窓交換（防火・防風・防犯仕様）</v>
      </c>
      <c r="L212" s="162" t="str">
        <f t="shared" si="7"/>
        <v>JW098400S外窓交換（防火・防風・防犯仕様）S</v>
      </c>
      <c r="M212" s="154" t="s">
        <v>871</v>
      </c>
      <c r="N212" s="154" t="s">
        <v>602</v>
      </c>
      <c r="O212" s="154" t="s">
        <v>663</v>
      </c>
      <c r="P212" s="154" t="s">
        <v>726</v>
      </c>
      <c r="Q212" s="154" t="s">
        <v>730</v>
      </c>
    </row>
    <row r="213" spans="11:17" x14ac:dyDescent="0.2">
      <c r="K213" s="157" t="str">
        <f t="shared" si="6"/>
        <v>JW111101S外窓交換（防火・防風・防犯仕様）</v>
      </c>
      <c r="L213" s="162" t="str">
        <f t="shared" si="7"/>
        <v>JW111101S外窓交換（防火・防風・防犯仕様）S</v>
      </c>
      <c r="M213" s="154" t="s">
        <v>776</v>
      </c>
      <c r="N213" s="154" t="s">
        <v>602</v>
      </c>
      <c r="O213" s="154" t="s">
        <v>663</v>
      </c>
      <c r="P213" s="154" t="s">
        <v>173</v>
      </c>
      <c r="Q213" s="154" t="s">
        <v>731</v>
      </c>
    </row>
    <row r="214" spans="11:17" x14ac:dyDescent="0.2">
      <c r="K214" s="157" t="str">
        <f t="shared" si="6"/>
        <v>JW111102S外窓交換（防火・防風・防犯仕様）</v>
      </c>
      <c r="L214" s="162" t="str">
        <f t="shared" si="7"/>
        <v>JW111102S外窓交換（防火・防風・防犯仕様）S</v>
      </c>
      <c r="M214" s="154" t="s">
        <v>777</v>
      </c>
      <c r="N214" s="154" t="s">
        <v>602</v>
      </c>
      <c r="O214" s="154" t="s">
        <v>663</v>
      </c>
      <c r="P214" s="154" t="s">
        <v>173</v>
      </c>
      <c r="Q214" s="154" t="s">
        <v>732</v>
      </c>
    </row>
    <row r="215" spans="11:17" x14ac:dyDescent="0.2">
      <c r="K215" s="157" t="str">
        <f t="shared" si="6"/>
        <v>JW114051S外窓交換</v>
      </c>
      <c r="L215" s="162" t="str">
        <f t="shared" si="7"/>
        <v>JW114051S外窓交換S</v>
      </c>
      <c r="M215" s="154" t="s">
        <v>872</v>
      </c>
      <c r="N215" s="154" t="s">
        <v>671</v>
      </c>
      <c r="O215" s="154" t="s">
        <v>672</v>
      </c>
      <c r="P215" s="154" t="s">
        <v>173</v>
      </c>
      <c r="Q215" s="154" t="s">
        <v>733</v>
      </c>
    </row>
    <row r="216" spans="11:17" x14ac:dyDescent="0.2">
      <c r="K216" s="157" t="str">
        <f t="shared" si="6"/>
        <v>JW114052S外窓交換</v>
      </c>
      <c r="L216" s="162" t="str">
        <f t="shared" si="7"/>
        <v>JW114052S外窓交換S</v>
      </c>
      <c r="M216" s="154" t="s">
        <v>873</v>
      </c>
      <c r="N216" s="154" t="s">
        <v>671</v>
      </c>
      <c r="O216" s="154" t="s">
        <v>672</v>
      </c>
      <c r="P216" s="154" t="s">
        <v>173</v>
      </c>
      <c r="Q216" s="154" t="s">
        <v>734</v>
      </c>
    </row>
    <row r="217" spans="11:17" x14ac:dyDescent="0.2">
      <c r="K217" s="157" t="str">
        <f t="shared" si="6"/>
        <v>JW131001S外窓交換（防火・防風・防犯仕様）</v>
      </c>
      <c r="L217" s="162" t="str">
        <f t="shared" si="7"/>
        <v>JW131001S外窓交換（防火・防風・防犯仕様）S</v>
      </c>
      <c r="M217" s="154" t="s">
        <v>778</v>
      </c>
      <c r="N217" s="154" t="s">
        <v>602</v>
      </c>
      <c r="O217" s="154" t="s">
        <v>663</v>
      </c>
      <c r="P217" s="154" t="s">
        <v>735</v>
      </c>
      <c r="Q217" s="154" t="s">
        <v>736</v>
      </c>
    </row>
    <row r="218" spans="11:17" x14ac:dyDescent="0.2">
      <c r="K218" s="157" t="str">
        <f t="shared" si="6"/>
        <v>JW131002S外窓交換（防火・防風・防犯仕様）</v>
      </c>
      <c r="L218" s="162" t="str">
        <f t="shared" si="7"/>
        <v>JW131002S外窓交換（防火・防風・防犯仕様）S</v>
      </c>
      <c r="M218" s="154" t="s">
        <v>779</v>
      </c>
      <c r="N218" s="154" t="s">
        <v>602</v>
      </c>
      <c r="O218" s="154" t="s">
        <v>663</v>
      </c>
      <c r="P218" s="154" t="s">
        <v>735</v>
      </c>
      <c r="Q218" s="154" t="s">
        <v>737</v>
      </c>
    </row>
    <row r="219" spans="11:17" x14ac:dyDescent="0.2">
      <c r="K219" s="157" t="str">
        <f t="shared" si="6"/>
        <v>JW133001S外窓交換</v>
      </c>
      <c r="L219" s="162" t="str">
        <f t="shared" si="7"/>
        <v>JW133001S外窓交換S</v>
      </c>
      <c r="M219" s="154" t="s">
        <v>874</v>
      </c>
      <c r="N219" s="154" t="s">
        <v>671</v>
      </c>
      <c r="O219" s="154" t="s">
        <v>672</v>
      </c>
      <c r="P219" s="154" t="s">
        <v>735</v>
      </c>
      <c r="Q219" s="154" t="s">
        <v>738</v>
      </c>
    </row>
    <row r="220" spans="11:17" x14ac:dyDescent="0.2">
      <c r="K220" s="157" t="str">
        <f t="shared" si="6"/>
        <v>JW133002S外窓交換</v>
      </c>
      <c r="L220" s="162" t="str">
        <f t="shared" si="7"/>
        <v>JW133002S外窓交換S</v>
      </c>
      <c r="M220" s="154" t="s">
        <v>875</v>
      </c>
      <c r="N220" s="154" t="s">
        <v>671</v>
      </c>
      <c r="O220" s="154" t="s">
        <v>672</v>
      </c>
      <c r="P220" s="154" t="s">
        <v>735</v>
      </c>
      <c r="Q220" s="154" t="s">
        <v>738</v>
      </c>
    </row>
    <row r="221" spans="11:17" x14ac:dyDescent="0.2">
      <c r="K221" s="157" t="str">
        <f t="shared" si="6"/>
        <v>JW133003S外窓交換</v>
      </c>
      <c r="L221" s="162" t="str">
        <f t="shared" si="7"/>
        <v>JW133003S外窓交換S</v>
      </c>
      <c r="M221" s="154" t="s">
        <v>876</v>
      </c>
      <c r="N221" s="154" t="s">
        <v>671</v>
      </c>
      <c r="O221" s="154" t="s">
        <v>672</v>
      </c>
      <c r="P221" s="154" t="s">
        <v>735</v>
      </c>
      <c r="Q221" s="154" t="s">
        <v>738</v>
      </c>
    </row>
    <row r="222" spans="11:17" x14ac:dyDescent="0.2">
      <c r="K222" s="157" t="str">
        <f t="shared" si="6"/>
        <v>JW133004S外窓交換</v>
      </c>
      <c r="L222" s="162" t="str">
        <f t="shared" si="7"/>
        <v>JW133004S外窓交換S</v>
      </c>
      <c r="M222" s="154" t="s">
        <v>877</v>
      </c>
      <c r="N222" s="154" t="s">
        <v>671</v>
      </c>
      <c r="O222" s="154" t="s">
        <v>672</v>
      </c>
      <c r="P222" s="154" t="s">
        <v>735</v>
      </c>
      <c r="Q222" s="154" t="s">
        <v>738</v>
      </c>
    </row>
    <row r="223" spans="11:17" x14ac:dyDescent="0.2">
      <c r="K223" s="157" t="str">
        <f t="shared" si="6"/>
        <v>JW133005S外窓交換</v>
      </c>
      <c r="L223" s="162" t="str">
        <f t="shared" si="7"/>
        <v>JW133005S外窓交換S</v>
      </c>
      <c r="M223" s="154" t="s">
        <v>878</v>
      </c>
      <c r="N223" s="154" t="s">
        <v>671</v>
      </c>
      <c r="O223" s="154" t="s">
        <v>672</v>
      </c>
      <c r="P223" s="154" t="s">
        <v>735</v>
      </c>
      <c r="Q223" s="154" t="s">
        <v>739</v>
      </c>
    </row>
    <row r="224" spans="11:17" x14ac:dyDescent="0.2">
      <c r="K224" s="157" t="str">
        <f t="shared" si="6"/>
        <v>JW133006S外窓交換</v>
      </c>
      <c r="L224" s="162" t="str">
        <f t="shared" si="7"/>
        <v>JW133006S外窓交換S</v>
      </c>
      <c r="M224" s="154" t="s">
        <v>879</v>
      </c>
      <c r="N224" s="154" t="s">
        <v>671</v>
      </c>
      <c r="O224" s="154" t="s">
        <v>672</v>
      </c>
      <c r="P224" s="154" t="s">
        <v>735</v>
      </c>
      <c r="Q224" s="154" t="s">
        <v>739</v>
      </c>
    </row>
    <row r="225" spans="11:17" x14ac:dyDescent="0.2">
      <c r="K225" s="157" t="str">
        <f t="shared" si="6"/>
        <v>JW133007S外窓交換</v>
      </c>
      <c r="L225" s="162" t="str">
        <f t="shared" si="7"/>
        <v>JW133007S外窓交換S</v>
      </c>
      <c r="M225" s="154" t="s">
        <v>880</v>
      </c>
      <c r="N225" s="154" t="s">
        <v>671</v>
      </c>
      <c r="O225" s="154" t="s">
        <v>672</v>
      </c>
      <c r="P225" s="154" t="s">
        <v>735</v>
      </c>
      <c r="Q225" s="154" t="s">
        <v>739</v>
      </c>
    </row>
    <row r="226" spans="11:17" x14ac:dyDescent="0.2">
      <c r="K226" s="157" t="str">
        <f t="shared" si="6"/>
        <v>JW133008S外窓交換</v>
      </c>
      <c r="L226" s="162" t="str">
        <f t="shared" si="7"/>
        <v>JW133008S外窓交換S</v>
      </c>
      <c r="M226" s="154" t="s">
        <v>881</v>
      </c>
      <c r="N226" s="154" t="s">
        <v>671</v>
      </c>
      <c r="O226" s="154" t="s">
        <v>672</v>
      </c>
      <c r="P226" s="154" t="s">
        <v>735</v>
      </c>
      <c r="Q226" s="154" t="s">
        <v>739</v>
      </c>
    </row>
    <row r="227" spans="11:17" x14ac:dyDescent="0.2">
      <c r="K227" s="157" t="str">
        <f t="shared" si="6"/>
        <v>JW034539A外窓交換（防火・防風・防犯仕様）</v>
      </c>
      <c r="L227" s="162" t="str">
        <f t="shared" si="7"/>
        <v>JW034539A外窓交換（防火・防風・防犯仕様）A</v>
      </c>
      <c r="M227" s="154" t="s">
        <v>1182</v>
      </c>
      <c r="N227" s="154" t="s">
        <v>602</v>
      </c>
      <c r="O227" s="154" t="s">
        <v>663</v>
      </c>
      <c r="P227" s="154" t="s">
        <v>172</v>
      </c>
      <c r="Q227" s="154" t="s">
        <v>1183</v>
      </c>
    </row>
    <row r="228" spans="11:17" x14ac:dyDescent="0.2">
      <c r="K228" s="157" t="str">
        <f t="shared" si="6"/>
        <v>JW033332S外窓交換</v>
      </c>
      <c r="L228" s="162" t="str">
        <f t="shared" si="7"/>
        <v>JW033332S外窓交換S</v>
      </c>
      <c r="M228" s="154" t="s">
        <v>1188</v>
      </c>
      <c r="N228" s="154" t="s">
        <v>671</v>
      </c>
      <c r="O228" s="154" t="s">
        <v>672</v>
      </c>
      <c r="P228" s="154" t="s">
        <v>172</v>
      </c>
      <c r="Q228" s="154" t="s">
        <v>1189</v>
      </c>
    </row>
    <row r="229" spans="11:17" x14ac:dyDescent="0.2">
      <c r="K229" s="157" t="str">
        <f t="shared" si="6"/>
        <v>JW034538S外窓交換（防火・防風・防犯仕様）</v>
      </c>
      <c r="L229" s="162" t="str">
        <f t="shared" si="7"/>
        <v>JW034538S外窓交換（防火・防風・防犯仕様）S</v>
      </c>
      <c r="M229" s="154" t="s">
        <v>1184</v>
      </c>
      <c r="N229" s="154" t="s">
        <v>602</v>
      </c>
      <c r="O229" s="154" t="s">
        <v>663</v>
      </c>
      <c r="P229" s="154" t="s">
        <v>172</v>
      </c>
      <c r="Q229" s="154" t="s">
        <v>1185</v>
      </c>
    </row>
    <row r="230" spans="11:17" x14ac:dyDescent="0.2">
      <c r="K230" s="157" t="str">
        <f t="shared" si="6"/>
        <v>JW034540S外窓交換（防火・防風・防犯仕様）</v>
      </c>
      <c r="L230" s="162" t="str">
        <f t="shared" si="7"/>
        <v>JW034540S外窓交換（防火・防風・防犯仕様）S</v>
      </c>
      <c r="M230" s="154" t="s">
        <v>1186</v>
      </c>
      <c r="N230" s="154" t="s">
        <v>602</v>
      </c>
      <c r="O230" s="154" t="s">
        <v>663</v>
      </c>
      <c r="P230" s="154" t="s">
        <v>172</v>
      </c>
      <c r="Q230" s="154" t="s">
        <v>1187</v>
      </c>
    </row>
    <row r="231" spans="11:17" x14ac:dyDescent="0.2">
      <c r="K231" s="157" t="str">
        <f t="shared" si="6"/>
        <v>JW032213S外窓交換（防火・防風・防犯仕様）</v>
      </c>
      <c r="L231" s="162" t="str">
        <f t="shared" si="7"/>
        <v>JW032213S外窓交換（防火・防風・防犯仕様）S</v>
      </c>
      <c r="M231" s="154" t="s">
        <v>1213</v>
      </c>
      <c r="N231" s="154" t="s">
        <v>602</v>
      </c>
      <c r="O231" s="154" t="s">
        <v>663</v>
      </c>
      <c r="P231" s="154" t="s">
        <v>172</v>
      </c>
      <c r="Q231" s="154" t="s">
        <v>712</v>
      </c>
    </row>
    <row r="232" spans="11:17" x14ac:dyDescent="0.2">
      <c r="K232" s="157" t="str">
        <f t="shared" si="6"/>
        <v>JW033113Sカバー工法</v>
      </c>
      <c r="L232" s="162" t="str">
        <f t="shared" si="7"/>
        <v>JW033113Sカバー工法S</v>
      </c>
      <c r="M232" s="154" t="s">
        <v>1214</v>
      </c>
      <c r="N232" s="154" t="s">
        <v>671</v>
      </c>
      <c r="O232" s="154" t="s">
        <v>660</v>
      </c>
      <c r="P232" s="154" t="s">
        <v>172</v>
      </c>
      <c r="Q232" s="154" t="s">
        <v>814</v>
      </c>
    </row>
    <row r="233" spans="11:17" x14ac:dyDescent="0.2">
      <c r="K233" s="157" t="str">
        <f t="shared" si="6"/>
        <v>JW032205S外窓交換（防火・防風・防犯仕様）</v>
      </c>
      <c r="L233" s="162" t="str">
        <f t="shared" si="7"/>
        <v>JW032205S外窓交換（防火・防風・防犯仕様）S</v>
      </c>
      <c r="M233" s="154" t="s">
        <v>1215</v>
      </c>
      <c r="N233" s="154" t="s">
        <v>602</v>
      </c>
      <c r="O233" s="154" t="s">
        <v>663</v>
      </c>
      <c r="P233" s="154" t="s">
        <v>172</v>
      </c>
      <c r="Q233" s="154" t="s">
        <v>704</v>
      </c>
    </row>
    <row r="234" spans="11:17" x14ac:dyDescent="0.2">
      <c r="K234" s="157" t="str">
        <f t="shared" si="6"/>
        <v>JW029210Aカバー工法</v>
      </c>
      <c r="L234" s="162" t="str">
        <f t="shared" si="7"/>
        <v>JW029210Aカバー工法A</v>
      </c>
      <c r="M234" s="154" t="s">
        <v>1216</v>
      </c>
      <c r="N234" s="154" t="s">
        <v>671</v>
      </c>
      <c r="O234" s="154" t="s">
        <v>660</v>
      </c>
      <c r="P234" s="154" t="s">
        <v>171</v>
      </c>
      <c r="Q234" s="154" t="s">
        <v>1217</v>
      </c>
    </row>
    <row r="235" spans="11:17" x14ac:dyDescent="0.2">
      <c r="K235" s="157" t="str">
        <f t="shared" si="6"/>
        <v>JW029205Sカバー工法</v>
      </c>
      <c r="L235" s="162" t="str">
        <f t="shared" si="7"/>
        <v>JW029205Sカバー工法S</v>
      </c>
      <c r="M235" s="154" t="s">
        <v>1218</v>
      </c>
      <c r="N235" s="154" t="s">
        <v>671</v>
      </c>
      <c r="O235" s="154" t="s">
        <v>660</v>
      </c>
      <c r="P235" s="154" t="s">
        <v>171</v>
      </c>
      <c r="Q235" s="154" t="s">
        <v>1219</v>
      </c>
    </row>
    <row r="236" spans="11:17" x14ac:dyDescent="0.2">
      <c r="K236" s="157" t="str">
        <f t="shared" si="6"/>
        <v>JW029207Sカバー工法</v>
      </c>
      <c r="L236" s="162" t="str">
        <f t="shared" si="7"/>
        <v>JW029207Sカバー工法S</v>
      </c>
      <c r="M236" s="154" t="s">
        <v>1363</v>
      </c>
      <c r="N236" s="154" t="s">
        <v>671</v>
      </c>
      <c r="O236" s="154" t="s">
        <v>660</v>
      </c>
      <c r="P236" s="154" t="s">
        <v>171</v>
      </c>
      <c r="Q236" s="154" t="s">
        <v>1220</v>
      </c>
    </row>
    <row r="237" spans="11:17" x14ac:dyDescent="0.2">
      <c r="K237" s="157" t="str">
        <f t="shared" si="6"/>
        <v>JW029211Aカバー工法</v>
      </c>
      <c r="L237" s="162" t="str">
        <f t="shared" si="7"/>
        <v>JW029211Aカバー工法A</v>
      </c>
      <c r="M237" s="154" t="s">
        <v>1364</v>
      </c>
      <c r="N237" s="154" t="s">
        <v>671</v>
      </c>
      <c r="O237" s="154" t="s">
        <v>660</v>
      </c>
      <c r="P237" s="154" t="s">
        <v>171</v>
      </c>
      <c r="Q237" s="154" t="s">
        <v>1365</v>
      </c>
    </row>
    <row r="238" spans="11:17" x14ac:dyDescent="0.2">
      <c r="K238" s="157" t="str">
        <f t="shared" si="6"/>
        <v/>
      </c>
      <c r="L238" s="162" t="str">
        <f t="shared" si="7"/>
        <v/>
      </c>
    </row>
    <row r="239" spans="11:17" x14ac:dyDescent="0.2">
      <c r="K239" s="157" t="str">
        <f t="shared" si="6"/>
        <v/>
      </c>
      <c r="L239" s="162" t="str">
        <f t="shared" si="7"/>
        <v/>
      </c>
    </row>
    <row r="240" spans="11:17" x14ac:dyDescent="0.2">
      <c r="K240" s="157" t="str">
        <f t="shared" si="6"/>
        <v/>
      </c>
      <c r="L240" s="162" t="str">
        <f t="shared" si="7"/>
        <v/>
      </c>
    </row>
    <row r="241" spans="11:12" x14ac:dyDescent="0.2">
      <c r="K241" s="157" t="str">
        <f t="shared" si="6"/>
        <v/>
      </c>
      <c r="L241" s="162" t="str">
        <f t="shared" si="7"/>
        <v/>
      </c>
    </row>
    <row r="242" spans="11:12" x14ac:dyDescent="0.2">
      <c r="K242" s="157" t="str">
        <f t="shared" si="6"/>
        <v/>
      </c>
      <c r="L242" s="162" t="str">
        <f t="shared" si="7"/>
        <v/>
      </c>
    </row>
    <row r="243" spans="11:12" x14ac:dyDescent="0.2">
      <c r="K243" s="157" t="str">
        <f t="shared" si="6"/>
        <v/>
      </c>
      <c r="L243" s="162" t="str">
        <f t="shared" si="7"/>
        <v/>
      </c>
    </row>
    <row r="244" spans="11:12" x14ac:dyDescent="0.2">
      <c r="K244" s="157" t="str">
        <f t="shared" si="6"/>
        <v/>
      </c>
      <c r="L244" s="162" t="str">
        <f t="shared" si="7"/>
        <v/>
      </c>
    </row>
    <row r="245" spans="11:12" x14ac:dyDescent="0.2">
      <c r="K245" s="157" t="str">
        <f t="shared" si="6"/>
        <v/>
      </c>
      <c r="L245" s="162" t="str">
        <f t="shared" si="7"/>
        <v/>
      </c>
    </row>
    <row r="246" spans="11:12" x14ac:dyDescent="0.2">
      <c r="K246" s="157" t="str">
        <f t="shared" si="6"/>
        <v/>
      </c>
      <c r="L246" s="162" t="str">
        <f t="shared" si="7"/>
        <v/>
      </c>
    </row>
    <row r="247" spans="11:12" x14ac:dyDescent="0.2">
      <c r="K247" s="157" t="str">
        <f t="shared" si="6"/>
        <v/>
      </c>
      <c r="L247" s="162" t="str">
        <f t="shared" si="7"/>
        <v/>
      </c>
    </row>
    <row r="248" spans="11:12" x14ac:dyDescent="0.2">
      <c r="K248" s="157" t="str">
        <f t="shared" si="6"/>
        <v/>
      </c>
      <c r="L248" s="162" t="str">
        <f t="shared" si="7"/>
        <v/>
      </c>
    </row>
    <row r="249" spans="11:12" x14ac:dyDescent="0.2">
      <c r="K249" s="157" t="str">
        <f t="shared" si="6"/>
        <v/>
      </c>
      <c r="L249" s="162" t="str">
        <f t="shared" si="7"/>
        <v/>
      </c>
    </row>
    <row r="250" spans="11:12" x14ac:dyDescent="0.2">
      <c r="K250" s="157" t="str">
        <f t="shared" si="6"/>
        <v/>
      </c>
      <c r="L250" s="162" t="str">
        <f t="shared" si="7"/>
        <v/>
      </c>
    </row>
    <row r="251" spans="11:12" x14ac:dyDescent="0.2">
      <c r="K251" s="157" t="str">
        <f t="shared" si="6"/>
        <v/>
      </c>
      <c r="L251" s="162" t="str">
        <f t="shared" si="7"/>
        <v/>
      </c>
    </row>
    <row r="252" spans="11:12" x14ac:dyDescent="0.2">
      <c r="K252" s="157" t="str">
        <f t="shared" si="6"/>
        <v/>
      </c>
      <c r="L252" s="162" t="str">
        <f t="shared" si="7"/>
        <v/>
      </c>
    </row>
    <row r="253" spans="11:12" x14ac:dyDescent="0.2">
      <c r="K253" s="157" t="str">
        <f t="shared" si="6"/>
        <v/>
      </c>
      <c r="L253" s="162" t="str">
        <f t="shared" si="7"/>
        <v/>
      </c>
    </row>
    <row r="254" spans="11:12" x14ac:dyDescent="0.2">
      <c r="K254" s="157" t="str">
        <f t="shared" si="6"/>
        <v/>
      </c>
      <c r="L254" s="162" t="str">
        <f t="shared" si="7"/>
        <v/>
      </c>
    </row>
    <row r="255" spans="11:12" x14ac:dyDescent="0.2">
      <c r="K255" s="157" t="str">
        <f t="shared" si="6"/>
        <v/>
      </c>
      <c r="L255" s="162" t="str">
        <f t="shared" si="7"/>
        <v/>
      </c>
    </row>
    <row r="256" spans="11:12" x14ac:dyDescent="0.2">
      <c r="K256" s="157" t="str">
        <f t="shared" si="6"/>
        <v/>
      </c>
      <c r="L256" s="162" t="str">
        <f t="shared" si="7"/>
        <v/>
      </c>
    </row>
    <row r="257" spans="11:12" x14ac:dyDescent="0.2">
      <c r="K257" s="157" t="str">
        <f t="shared" si="6"/>
        <v/>
      </c>
      <c r="L257" s="162" t="str">
        <f t="shared" si="7"/>
        <v/>
      </c>
    </row>
    <row r="258" spans="11:12" x14ac:dyDescent="0.2">
      <c r="K258" s="157" t="str">
        <f t="shared" si="6"/>
        <v/>
      </c>
      <c r="L258" s="162" t="str">
        <f t="shared" si="7"/>
        <v/>
      </c>
    </row>
    <row r="259" spans="11:12" x14ac:dyDescent="0.2">
      <c r="K259" s="157" t="str">
        <f t="shared" si="6"/>
        <v/>
      </c>
      <c r="L259" s="162" t="str">
        <f t="shared" si="7"/>
        <v/>
      </c>
    </row>
    <row r="260" spans="11:12" x14ac:dyDescent="0.2">
      <c r="K260" s="157" t="str">
        <f t="shared" si="6"/>
        <v/>
      </c>
      <c r="L260" s="162" t="str">
        <f t="shared" si="7"/>
        <v/>
      </c>
    </row>
    <row r="261" spans="11:12" x14ac:dyDescent="0.2">
      <c r="K261" s="157" t="str">
        <f t="shared" ref="K261:K324" si="8">M261&amp;O261</f>
        <v/>
      </c>
      <c r="L261" s="162" t="str">
        <f t="shared" ref="L261:L324" si="9">M261&amp;O261&amp;(IF(M261&lt;&gt;"", RIGHT(M261,1),""))</f>
        <v/>
      </c>
    </row>
    <row r="262" spans="11:12" x14ac:dyDescent="0.2">
      <c r="K262" s="157" t="str">
        <f t="shared" si="8"/>
        <v/>
      </c>
      <c r="L262" s="162" t="str">
        <f t="shared" si="9"/>
        <v/>
      </c>
    </row>
    <row r="263" spans="11:12" x14ac:dyDescent="0.2">
      <c r="K263" s="157" t="str">
        <f t="shared" si="8"/>
        <v/>
      </c>
      <c r="L263" s="162" t="str">
        <f t="shared" si="9"/>
        <v/>
      </c>
    </row>
    <row r="264" spans="11:12" x14ac:dyDescent="0.2">
      <c r="K264" s="157" t="str">
        <f t="shared" si="8"/>
        <v/>
      </c>
      <c r="L264" s="162" t="str">
        <f t="shared" si="9"/>
        <v/>
      </c>
    </row>
    <row r="265" spans="11:12" x14ac:dyDescent="0.2">
      <c r="K265" s="157" t="str">
        <f t="shared" si="8"/>
        <v/>
      </c>
      <c r="L265" s="162" t="str">
        <f t="shared" si="9"/>
        <v/>
      </c>
    </row>
    <row r="266" spans="11:12" x14ac:dyDescent="0.2">
      <c r="K266" s="157" t="str">
        <f t="shared" si="8"/>
        <v/>
      </c>
      <c r="L266" s="162" t="str">
        <f t="shared" si="9"/>
        <v/>
      </c>
    </row>
    <row r="267" spans="11:12" x14ac:dyDescent="0.2">
      <c r="K267" s="157" t="str">
        <f t="shared" si="8"/>
        <v/>
      </c>
      <c r="L267" s="162" t="str">
        <f t="shared" si="9"/>
        <v/>
      </c>
    </row>
    <row r="268" spans="11:12" x14ac:dyDescent="0.2">
      <c r="K268" s="157" t="str">
        <f t="shared" si="8"/>
        <v/>
      </c>
      <c r="L268" s="162" t="str">
        <f t="shared" si="9"/>
        <v/>
      </c>
    </row>
    <row r="269" spans="11:12" x14ac:dyDescent="0.2">
      <c r="K269" s="157" t="str">
        <f t="shared" si="8"/>
        <v/>
      </c>
      <c r="L269" s="162" t="str">
        <f t="shared" si="9"/>
        <v/>
      </c>
    </row>
    <row r="270" spans="11:12" x14ac:dyDescent="0.2">
      <c r="K270" s="157" t="str">
        <f t="shared" si="8"/>
        <v/>
      </c>
      <c r="L270" s="162" t="str">
        <f t="shared" si="9"/>
        <v/>
      </c>
    </row>
    <row r="271" spans="11:12" x14ac:dyDescent="0.2">
      <c r="K271" s="157" t="str">
        <f t="shared" si="8"/>
        <v/>
      </c>
      <c r="L271" s="162" t="str">
        <f t="shared" si="9"/>
        <v/>
      </c>
    </row>
    <row r="272" spans="11:12" x14ac:dyDescent="0.2">
      <c r="K272" s="157" t="str">
        <f t="shared" si="8"/>
        <v/>
      </c>
      <c r="L272" s="162" t="str">
        <f t="shared" si="9"/>
        <v/>
      </c>
    </row>
    <row r="273" spans="11:12" x14ac:dyDescent="0.2">
      <c r="K273" s="157" t="str">
        <f t="shared" si="8"/>
        <v/>
      </c>
      <c r="L273" s="162" t="str">
        <f t="shared" si="9"/>
        <v/>
      </c>
    </row>
    <row r="274" spans="11:12" x14ac:dyDescent="0.2">
      <c r="K274" s="157" t="str">
        <f t="shared" si="8"/>
        <v/>
      </c>
      <c r="L274" s="162" t="str">
        <f t="shared" si="9"/>
        <v/>
      </c>
    </row>
    <row r="275" spans="11:12" x14ac:dyDescent="0.2">
      <c r="K275" s="157" t="str">
        <f t="shared" si="8"/>
        <v/>
      </c>
      <c r="L275" s="162" t="str">
        <f t="shared" si="9"/>
        <v/>
      </c>
    </row>
    <row r="276" spans="11:12" x14ac:dyDescent="0.2">
      <c r="K276" s="157" t="str">
        <f t="shared" si="8"/>
        <v/>
      </c>
      <c r="L276" s="162" t="str">
        <f t="shared" si="9"/>
        <v/>
      </c>
    </row>
    <row r="277" spans="11:12" x14ac:dyDescent="0.2">
      <c r="K277" s="157" t="str">
        <f t="shared" si="8"/>
        <v/>
      </c>
      <c r="L277" s="162" t="str">
        <f t="shared" si="9"/>
        <v/>
      </c>
    </row>
    <row r="278" spans="11:12" x14ac:dyDescent="0.2">
      <c r="K278" s="157" t="str">
        <f t="shared" si="8"/>
        <v/>
      </c>
      <c r="L278" s="162" t="str">
        <f t="shared" si="9"/>
        <v/>
      </c>
    </row>
    <row r="279" spans="11:12" x14ac:dyDescent="0.2">
      <c r="K279" s="157" t="str">
        <f t="shared" si="8"/>
        <v/>
      </c>
      <c r="L279" s="162" t="str">
        <f t="shared" si="9"/>
        <v/>
      </c>
    </row>
    <row r="280" spans="11:12" x14ac:dyDescent="0.2">
      <c r="K280" s="157" t="str">
        <f t="shared" si="8"/>
        <v/>
      </c>
      <c r="L280" s="162" t="str">
        <f t="shared" si="9"/>
        <v/>
      </c>
    </row>
    <row r="281" spans="11:12" x14ac:dyDescent="0.2">
      <c r="K281" s="157" t="str">
        <f t="shared" si="8"/>
        <v/>
      </c>
      <c r="L281" s="162" t="str">
        <f t="shared" si="9"/>
        <v/>
      </c>
    </row>
    <row r="282" spans="11:12" x14ac:dyDescent="0.2">
      <c r="K282" s="157" t="str">
        <f t="shared" si="8"/>
        <v/>
      </c>
      <c r="L282" s="162" t="str">
        <f t="shared" si="9"/>
        <v/>
      </c>
    </row>
    <row r="283" spans="11:12" x14ac:dyDescent="0.2">
      <c r="K283" s="157" t="str">
        <f t="shared" si="8"/>
        <v/>
      </c>
      <c r="L283" s="162" t="str">
        <f t="shared" si="9"/>
        <v/>
      </c>
    </row>
    <row r="284" spans="11:12" x14ac:dyDescent="0.2">
      <c r="K284" s="157" t="str">
        <f t="shared" si="8"/>
        <v/>
      </c>
      <c r="L284" s="162" t="str">
        <f t="shared" si="9"/>
        <v/>
      </c>
    </row>
    <row r="285" spans="11:12" x14ac:dyDescent="0.2">
      <c r="K285" s="157" t="str">
        <f t="shared" si="8"/>
        <v/>
      </c>
      <c r="L285" s="162" t="str">
        <f t="shared" si="9"/>
        <v/>
      </c>
    </row>
    <row r="286" spans="11:12" x14ac:dyDescent="0.2">
      <c r="K286" s="157" t="str">
        <f t="shared" si="8"/>
        <v/>
      </c>
      <c r="L286" s="162" t="str">
        <f t="shared" si="9"/>
        <v/>
      </c>
    </row>
    <row r="287" spans="11:12" x14ac:dyDescent="0.2">
      <c r="K287" s="157" t="str">
        <f t="shared" si="8"/>
        <v/>
      </c>
      <c r="L287" s="162" t="str">
        <f t="shared" si="9"/>
        <v/>
      </c>
    </row>
    <row r="288" spans="11:12" x14ac:dyDescent="0.2">
      <c r="K288" s="157" t="str">
        <f t="shared" si="8"/>
        <v/>
      </c>
      <c r="L288" s="162" t="str">
        <f t="shared" si="9"/>
        <v/>
      </c>
    </row>
    <row r="289" spans="11:12" x14ac:dyDescent="0.2">
      <c r="K289" s="157" t="str">
        <f t="shared" si="8"/>
        <v/>
      </c>
      <c r="L289" s="162" t="str">
        <f t="shared" si="9"/>
        <v/>
      </c>
    </row>
    <row r="290" spans="11:12" x14ac:dyDescent="0.2">
      <c r="K290" s="157" t="str">
        <f t="shared" si="8"/>
        <v/>
      </c>
      <c r="L290" s="162" t="str">
        <f t="shared" si="9"/>
        <v/>
      </c>
    </row>
    <row r="291" spans="11:12" x14ac:dyDescent="0.2">
      <c r="K291" s="157" t="str">
        <f t="shared" si="8"/>
        <v/>
      </c>
      <c r="L291" s="162" t="str">
        <f t="shared" si="9"/>
        <v/>
      </c>
    </row>
    <row r="292" spans="11:12" x14ac:dyDescent="0.2">
      <c r="K292" s="157" t="str">
        <f t="shared" si="8"/>
        <v/>
      </c>
      <c r="L292" s="162" t="str">
        <f t="shared" si="9"/>
        <v/>
      </c>
    </row>
    <row r="293" spans="11:12" x14ac:dyDescent="0.2">
      <c r="K293" s="157" t="str">
        <f t="shared" si="8"/>
        <v/>
      </c>
      <c r="L293" s="162" t="str">
        <f t="shared" si="9"/>
        <v/>
      </c>
    </row>
    <row r="294" spans="11:12" x14ac:dyDescent="0.2">
      <c r="K294" s="157" t="str">
        <f t="shared" si="8"/>
        <v/>
      </c>
      <c r="L294" s="162" t="str">
        <f t="shared" si="9"/>
        <v/>
      </c>
    </row>
    <row r="295" spans="11:12" x14ac:dyDescent="0.2">
      <c r="K295" s="157" t="str">
        <f t="shared" si="8"/>
        <v/>
      </c>
      <c r="L295" s="162" t="str">
        <f t="shared" si="9"/>
        <v/>
      </c>
    </row>
    <row r="296" spans="11:12" x14ac:dyDescent="0.2">
      <c r="K296" s="157" t="str">
        <f t="shared" si="8"/>
        <v/>
      </c>
      <c r="L296" s="162" t="str">
        <f t="shared" si="9"/>
        <v/>
      </c>
    </row>
    <row r="297" spans="11:12" x14ac:dyDescent="0.2">
      <c r="K297" s="157" t="str">
        <f t="shared" si="8"/>
        <v/>
      </c>
      <c r="L297" s="162" t="str">
        <f t="shared" si="9"/>
        <v/>
      </c>
    </row>
    <row r="298" spans="11:12" x14ac:dyDescent="0.2">
      <c r="K298" s="157" t="str">
        <f t="shared" si="8"/>
        <v/>
      </c>
      <c r="L298" s="162" t="str">
        <f t="shared" si="9"/>
        <v/>
      </c>
    </row>
    <row r="299" spans="11:12" x14ac:dyDescent="0.2">
      <c r="K299" s="157" t="str">
        <f t="shared" si="8"/>
        <v/>
      </c>
      <c r="L299" s="162" t="str">
        <f t="shared" si="9"/>
        <v/>
      </c>
    </row>
    <row r="300" spans="11:12" x14ac:dyDescent="0.2">
      <c r="K300" s="157" t="str">
        <f t="shared" si="8"/>
        <v/>
      </c>
      <c r="L300" s="162" t="str">
        <f t="shared" si="9"/>
        <v/>
      </c>
    </row>
    <row r="301" spans="11:12" x14ac:dyDescent="0.2">
      <c r="K301" s="157" t="str">
        <f t="shared" si="8"/>
        <v/>
      </c>
      <c r="L301" s="162" t="str">
        <f t="shared" si="9"/>
        <v/>
      </c>
    </row>
    <row r="302" spans="11:12" x14ac:dyDescent="0.2">
      <c r="K302" s="157" t="str">
        <f t="shared" si="8"/>
        <v/>
      </c>
      <c r="L302" s="162" t="str">
        <f t="shared" si="9"/>
        <v/>
      </c>
    </row>
    <row r="303" spans="11:12" x14ac:dyDescent="0.2">
      <c r="K303" s="157" t="str">
        <f t="shared" si="8"/>
        <v/>
      </c>
      <c r="L303" s="162" t="str">
        <f t="shared" si="9"/>
        <v/>
      </c>
    </row>
    <row r="304" spans="11:12" x14ac:dyDescent="0.2">
      <c r="K304" s="157" t="str">
        <f t="shared" si="8"/>
        <v/>
      </c>
      <c r="L304" s="162" t="str">
        <f t="shared" si="9"/>
        <v/>
      </c>
    </row>
    <row r="305" spans="11:12" x14ac:dyDescent="0.2">
      <c r="K305" s="157" t="str">
        <f t="shared" si="8"/>
        <v/>
      </c>
      <c r="L305" s="162" t="str">
        <f t="shared" si="9"/>
        <v/>
      </c>
    </row>
    <row r="306" spans="11:12" x14ac:dyDescent="0.2">
      <c r="K306" s="157" t="str">
        <f t="shared" si="8"/>
        <v/>
      </c>
      <c r="L306" s="162" t="str">
        <f t="shared" si="9"/>
        <v/>
      </c>
    </row>
    <row r="307" spans="11:12" x14ac:dyDescent="0.2">
      <c r="K307" s="157" t="str">
        <f t="shared" si="8"/>
        <v/>
      </c>
      <c r="L307" s="162" t="str">
        <f t="shared" si="9"/>
        <v/>
      </c>
    </row>
    <row r="308" spans="11:12" x14ac:dyDescent="0.2">
      <c r="K308" s="157" t="str">
        <f t="shared" si="8"/>
        <v/>
      </c>
      <c r="L308" s="162" t="str">
        <f t="shared" si="9"/>
        <v/>
      </c>
    </row>
    <row r="309" spans="11:12" x14ac:dyDescent="0.2">
      <c r="K309" s="157" t="str">
        <f t="shared" si="8"/>
        <v/>
      </c>
      <c r="L309" s="162" t="str">
        <f t="shared" si="9"/>
        <v/>
      </c>
    </row>
    <row r="310" spans="11:12" x14ac:dyDescent="0.2">
      <c r="K310" s="157" t="str">
        <f t="shared" si="8"/>
        <v/>
      </c>
      <c r="L310" s="162" t="str">
        <f t="shared" si="9"/>
        <v/>
      </c>
    </row>
    <row r="311" spans="11:12" x14ac:dyDescent="0.2">
      <c r="K311" s="157" t="str">
        <f t="shared" si="8"/>
        <v/>
      </c>
      <c r="L311" s="162" t="str">
        <f t="shared" si="9"/>
        <v/>
      </c>
    </row>
    <row r="312" spans="11:12" x14ac:dyDescent="0.2">
      <c r="K312" s="157" t="str">
        <f t="shared" si="8"/>
        <v/>
      </c>
      <c r="L312" s="162" t="str">
        <f t="shared" si="9"/>
        <v/>
      </c>
    </row>
    <row r="313" spans="11:12" x14ac:dyDescent="0.2">
      <c r="K313" s="157" t="str">
        <f t="shared" si="8"/>
        <v/>
      </c>
      <c r="L313" s="162" t="str">
        <f t="shared" si="9"/>
        <v/>
      </c>
    </row>
    <row r="314" spans="11:12" x14ac:dyDescent="0.2">
      <c r="K314" s="157" t="str">
        <f t="shared" si="8"/>
        <v/>
      </c>
      <c r="L314" s="162" t="str">
        <f t="shared" si="9"/>
        <v/>
      </c>
    </row>
    <row r="315" spans="11:12" x14ac:dyDescent="0.2">
      <c r="K315" s="157" t="str">
        <f t="shared" si="8"/>
        <v/>
      </c>
      <c r="L315" s="162" t="str">
        <f t="shared" si="9"/>
        <v/>
      </c>
    </row>
    <row r="316" spans="11:12" x14ac:dyDescent="0.2">
      <c r="K316" s="157" t="str">
        <f t="shared" si="8"/>
        <v/>
      </c>
      <c r="L316" s="162" t="str">
        <f t="shared" si="9"/>
        <v/>
      </c>
    </row>
    <row r="317" spans="11:12" x14ac:dyDescent="0.2">
      <c r="K317" s="157" t="str">
        <f t="shared" si="8"/>
        <v/>
      </c>
      <c r="L317" s="162" t="str">
        <f t="shared" si="9"/>
        <v/>
      </c>
    </row>
    <row r="318" spans="11:12" x14ac:dyDescent="0.2">
      <c r="K318" s="157" t="str">
        <f t="shared" si="8"/>
        <v/>
      </c>
      <c r="L318" s="162" t="str">
        <f t="shared" si="9"/>
        <v/>
      </c>
    </row>
    <row r="319" spans="11:12" x14ac:dyDescent="0.2">
      <c r="K319" s="157" t="str">
        <f t="shared" si="8"/>
        <v/>
      </c>
      <c r="L319" s="162" t="str">
        <f t="shared" si="9"/>
        <v/>
      </c>
    </row>
    <row r="320" spans="11:12" x14ac:dyDescent="0.2">
      <c r="K320" s="157" t="str">
        <f t="shared" si="8"/>
        <v/>
      </c>
      <c r="L320" s="162" t="str">
        <f t="shared" si="9"/>
        <v/>
      </c>
    </row>
    <row r="321" spans="11:12" x14ac:dyDescent="0.2">
      <c r="K321" s="157" t="str">
        <f t="shared" si="8"/>
        <v/>
      </c>
      <c r="L321" s="162" t="str">
        <f t="shared" si="9"/>
        <v/>
      </c>
    </row>
    <row r="322" spans="11:12" x14ac:dyDescent="0.2">
      <c r="K322" s="157" t="str">
        <f t="shared" si="8"/>
        <v/>
      </c>
      <c r="L322" s="162" t="str">
        <f t="shared" si="9"/>
        <v/>
      </c>
    </row>
    <row r="323" spans="11:12" x14ac:dyDescent="0.2">
      <c r="K323" s="157" t="str">
        <f t="shared" si="8"/>
        <v/>
      </c>
      <c r="L323" s="162" t="str">
        <f t="shared" si="9"/>
        <v/>
      </c>
    </row>
    <row r="324" spans="11:12" x14ac:dyDescent="0.2">
      <c r="K324" s="157" t="str">
        <f t="shared" si="8"/>
        <v/>
      </c>
      <c r="L324" s="162" t="str">
        <f t="shared" si="9"/>
        <v/>
      </c>
    </row>
    <row r="325" spans="11:12" x14ac:dyDescent="0.2">
      <c r="K325" s="157" t="str">
        <f t="shared" ref="K325:K388" si="10">M325&amp;O325</f>
        <v/>
      </c>
      <c r="L325" s="162" t="str">
        <f t="shared" ref="L325:L388" si="11">M325&amp;O325&amp;(IF(M325&lt;&gt;"", RIGHT(M325,1),""))</f>
        <v/>
      </c>
    </row>
    <row r="326" spans="11:12" x14ac:dyDescent="0.2">
      <c r="K326" s="157" t="str">
        <f t="shared" si="10"/>
        <v/>
      </c>
      <c r="L326" s="162" t="str">
        <f t="shared" si="11"/>
        <v/>
      </c>
    </row>
    <row r="327" spans="11:12" x14ac:dyDescent="0.2">
      <c r="K327" s="157" t="str">
        <f t="shared" si="10"/>
        <v/>
      </c>
      <c r="L327" s="162" t="str">
        <f t="shared" si="11"/>
        <v/>
      </c>
    </row>
    <row r="328" spans="11:12" x14ac:dyDescent="0.2">
      <c r="K328" s="157" t="str">
        <f t="shared" si="10"/>
        <v/>
      </c>
      <c r="L328" s="162" t="str">
        <f t="shared" si="11"/>
        <v/>
      </c>
    </row>
    <row r="329" spans="11:12" x14ac:dyDescent="0.2">
      <c r="K329" s="157" t="str">
        <f t="shared" si="10"/>
        <v/>
      </c>
      <c r="L329" s="162" t="str">
        <f t="shared" si="11"/>
        <v/>
      </c>
    </row>
    <row r="330" spans="11:12" x14ac:dyDescent="0.2">
      <c r="K330" s="157" t="str">
        <f t="shared" si="10"/>
        <v/>
      </c>
      <c r="L330" s="162" t="str">
        <f t="shared" si="11"/>
        <v/>
      </c>
    </row>
    <row r="331" spans="11:12" x14ac:dyDescent="0.2">
      <c r="K331" s="157" t="str">
        <f t="shared" si="10"/>
        <v/>
      </c>
      <c r="L331" s="162" t="str">
        <f t="shared" si="11"/>
        <v/>
      </c>
    </row>
    <row r="332" spans="11:12" x14ac:dyDescent="0.2">
      <c r="K332" s="157" t="str">
        <f t="shared" si="10"/>
        <v/>
      </c>
      <c r="L332" s="162" t="str">
        <f t="shared" si="11"/>
        <v/>
      </c>
    </row>
    <row r="333" spans="11:12" x14ac:dyDescent="0.2">
      <c r="K333" s="157" t="str">
        <f t="shared" si="10"/>
        <v/>
      </c>
      <c r="L333" s="162" t="str">
        <f t="shared" si="11"/>
        <v/>
      </c>
    </row>
    <row r="334" spans="11:12" x14ac:dyDescent="0.2">
      <c r="K334" s="157" t="str">
        <f t="shared" si="10"/>
        <v/>
      </c>
      <c r="L334" s="162" t="str">
        <f t="shared" si="11"/>
        <v/>
      </c>
    </row>
    <row r="335" spans="11:12" x14ac:dyDescent="0.2">
      <c r="K335" s="157" t="str">
        <f t="shared" si="10"/>
        <v/>
      </c>
      <c r="L335" s="162" t="str">
        <f t="shared" si="11"/>
        <v/>
      </c>
    </row>
    <row r="336" spans="11:12" x14ac:dyDescent="0.2">
      <c r="K336" s="157" t="str">
        <f t="shared" si="10"/>
        <v/>
      </c>
      <c r="L336" s="162" t="str">
        <f t="shared" si="11"/>
        <v/>
      </c>
    </row>
    <row r="337" spans="11:12" x14ac:dyDescent="0.2">
      <c r="K337" s="157" t="str">
        <f t="shared" si="10"/>
        <v/>
      </c>
      <c r="L337" s="162" t="str">
        <f t="shared" si="11"/>
        <v/>
      </c>
    </row>
    <row r="338" spans="11:12" x14ac:dyDescent="0.2">
      <c r="K338" s="157" t="str">
        <f t="shared" si="10"/>
        <v/>
      </c>
      <c r="L338" s="162" t="str">
        <f t="shared" si="11"/>
        <v/>
      </c>
    </row>
    <row r="339" spans="11:12" x14ac:dyDescent="0.2">
      <c r="K339" s="157" t="str">
        <f t="shared" si="10"/>
        <v/>
      </c>
      <c r="L339" s="162" t="str">
        <f t="shared" si="11"/>
        <v/>
      </c>
    </row>
    <row r="340" spans="11:12" x14ac:dyDescent="0.2">
      <c r="K340" s="157" t="str">
        <f t="shared" si="10"/>
        <v/>
      </c>
      <c r="L340" s="162" t="str">
        <f t="shared" si="11"/>
        <v/>
      </c>
    </row>
    <row r="341" spans="11:12" x14ac:dyDescent="0.2">
      <c r="K341" s="157" t="str">
        <f t="shared" si="10"/>
        <v/>
      </c>
      <c r="L341" s="162" t="str">
        <f t="shared" si="11"/>
        <v/>
      </c>
    </row>
    <row r="342" spans="11:12" x14ac:dyDescent="0.2">
      <c r="K342" s="157" t="str">
        <f t="shared" si="10"/>
        <v/>
      </c>
      <c r="L342" s="162" t="str">
        <f t="shared" si="11"/>
        <v/>
      </c>
    </row>
    <row r="343" spans="11:12" x14ac:dyDescent="0.2">
      <c r="K343" s="157" t="str">
        <f t="shared" si="10"/>
        <v/>
      </c>
      <c r="L343" s="162" t="str">
        <f t="shared" si="11"/>
        <v/>
      </c>
    </row>
    <row r="344" spans="11:12" x14ac:dyDescent="0.2">
      <c r="K344" s="157" t="str">
        <f t="shared" si="10"/>
        <v/>
      </c>
      <c r="L344" s="162" t="str">
        <f t="shared" si="11"/>
        <v/>
      </c>
    </row>
    <row r="345" spans="11:12" x14ac:dyDescent="0.2">
      <c r="K345" s="157" t="str">
        <f t="shared" si="10"/>
        <v/>
      </c>
      <c r="L345" s="162" t="str">
        <f t="shared" si="11"/>
        <v/>
      </c>
    </row>
    <row r="346" spans="11:12" x14ac:dyDescent="0.2">
      <c r="K346" s="157" t="str">
        <f t="shared" si="10"/>
        <v/>
      </c>
      <c r="L346" s="162" t="str">
        <f t="shared" si="11"/>
        <v/>
      </c>
    </row>
    <row r="347" spans="11:12" x14ac:dyDescent="0.2">
      <c r="K347" s="157" t="str">
        <f t="shared" si="10"/>
        <v/>
      </c>
      <c r="L347" s="162" t="str">
        <f t="shared" si="11"/>
        <v/>
      </c>
    </row>
    <row r="348" spans="11:12" x14ac:dyDescent="0.2">
      <c r="K348" s="157" t="str">
        <f t="shared" si="10"/>
        <v/>
      </c>
      <c r="L348" s="162" t="str">
        <f t="shared" si="11"/>
        <v/>
      </c>
    </row>
    <row r="349" spans="11:12" x14ac:dyDescent="0.2">
      <c r="K349" s="157" t="str">
        <f t="shared" si="10"/>
        <v/>
      </c>
      <c r="L349" s="162" t="str">
        <f t="shared" si="11"/>
        <v/>
      </c>
    </row>
    <row r="350" spans="11:12" x14ac:dyDescent="0.2">
      <c r="K350" s="157" t="str">
        <f t="shared" si="10"/>
        <v/>
      </c>
      <c r="L350" s="162" t="str">
        <f t="shared" si="11"/>
        <v/>
      </c>
    </row>
    <row r="351" spans="11:12" x14ac:dyDescent="0.2">
      <c r="K351" s="157" t="str">
        <f t="shared" si="10"/>
        <v/>
      </c>
      <c r="L351" s="162" t="str">
        <f t="shared" si="11"/>
        <v/>
      </c>
    </row>
    <row r="352" spans="11:12" x14ac:dyDescent="0.2">
      <c r="K352" s="157" t="str">
        <f t="shared" si="10"/>
        <v/>
      </c>
      <c r="L352" s="162" t="str">
        <f t="shared" si="11"/>
        <v/>
      </c>
    </row>
    <row r="353" spans="11:12" x14ac:dyDescent="0.2">
      <c r="K353" s="157" t="str">
        <f t="shared" si="10"/>
        <v/>
      </c>
      <c r="L353" s="162" t="str">
        <f t="shared" si="11"/>
        <v/>
      </c>
    </row>
    <row r="354" spans="11:12" x14ac:dyDescent="0.2">
      <c r="K354" s="157" t="str">
        <f t="shared" si="10"/>
        <v/>
      </c>
      <c r="L354" s="162" t="str">
        <f t="shared" si="11"/>
        <v/>
      </c>
    </row>
    <row r="355" spans="11:12" x14ac:dyDescent="0.2">
      <c r="K355" s="157" t="str">
        <f t="shared" si="10"/>
        <v/>
      </c>
      <c r="L355" s="162" t="str">
        <f t="shared" si="11"/>
        <v/>
      </c>
    </row>
    <row r="356" spans="11:12" x14ac:dyDescent="0.2">
      <c r="K356" s="157" t="str">
        <f t="shared" si="10"/>
        <v/>
      </c>
      <c r="L356" s="162" t="str">
        <f t="shared" si="11"/>
        <v/>
      </c>
    </row>
    <row r="357" spans="11:12" x14ac:dyDescent="0.2">
      <c r="K357" s="157" t="str">
        <f t="shared" si="10"/>
        <v/>
      </c>
      <c r="L357" s="162" t="str">
        <f t="shared" si="11"/>
        <v/>
      </c>
    </row>
    <row r="358" spans="11:12" x14ac:dyDescent="0.2">
      <c r="K358" s="157" t="str">
        <f t="shared" si="10"/>
        <v/>
      </c>
      <c r="L358" s="162" t="str">
        <f t="shared" si="11"/>
        <v/>
      </c>
    </row>
    <row r="359" spans="11:12" x14ac:dyDescent="0.2">
      <c r="K359" s="157" t="str">
        <f t="shared" si="10"/>
        <v/>
      </c>
      <c r="L359" s="162" t="str">
        <f t="shared" si="11"/>
        <v/>
      </c>
    </row>
    <row r="360" spans="11:12" x14ac:dyDescent="0.2">
      <c r="K360" s="157" t="str">
        <f t="shared" si="10"/>
        <v/>
      </c>
      <c r="L360" s="162" t="str">
        <f t="shared" si="11"/>
        <v/>
      </c>
    </row>
    <row r="361" spans="11:12" x14ac:dyDescent="0.2">
      <c r="K361" s="157" t="str">
        <f t="shared" si="10"/>
        <v/>
      </c>
      <c r="L361" s="162" t="str">
        <f t="shared" si="11"/>
        <v/>
      </c>
    </row>
    <row r="362" spans="11:12" x14ac:dyDescent="0.2">
      <c r="K362" s="157" t="str">
        <f t="shared" si="10"/>
        <v/>
      </c>
      <c r="L362" s="162" t="str">
        <f t="shared" si="11"/>
        <v/>
      </c>
    </row>
    <row r="363" spans="11:12" x14ac:dyDescent="0.2">
      <c r="K363" s="157" t="str">
        <f t="shared" si="10"/>
        <v/>
      </c>
      <c r="L363" s="162" t="str">
        <f t="shared" si="11"/>
        <v/>
      </c>
    </row>
    <row r="364" spans="11:12" x14ac:dyDescent="0.2">
      <c r="K364" s="157" t="str">
        <f t="shared" si="10"/>
        <v/>
      </c>
      <c r="L364" s="162" t="str">
        <f t="shared" si="11"/>
        <v/>
      </c>
    </row>
    <row r="365" spans="11:12" x14ac:dyDescent="0.2">
      <c r="K365" s="157" t="str">
        <f t="shared" si="10"/>
        <v/>
      </c>
      <c r="L365" s="162" t="str">
        <f t="shared" si="11"/>
        <v/>
      </c>
    </row>
    <row r="366" spans="11:12" x14ac:dyDescent="0.2">
      <c r="K366" s="157" t="str">
        <f t="shared" si="10"/>
        <v/>
      </c>
      <c r="L366" s="162" t="str">
        <f t="shared" si="11"/>
        <v/>
      </c>
    </row>
    <row r="367" spans="11:12" x14ac:dyDescent="0.2">
      <c r="K367" s="157" t="str">
        <f t="shared" si="10"/>
        <v/>
      </c>
      <c r="L367" s="162" t="str">
        <f t="shared" si="11"/>
        <v/>
      </c>
    </row>
    <row r="368" spans="11:12" x14ac:dyDescent="0.2">
      <c r="K368" s="157" t="str">
        <f t="shared" si="10"/>
        <v/>
      </c>
      <c r="L368" s="162" t="str">
        <f t="shared" si="11"/>
        <v/>
      </c>
    </row>
    <row r="369" spans="11:12" x14ac:dyDescent="0.2">
      <c r="K369" s="157" t="str">
        <f t="shared" si="10"/>
        <v/>
      </c>
      <c r="L369" s="162" t="str">
        <f t="shared" si="11"/>
        <v/>
      </c>
    </row>
    <row r="370" spans="11:12" x14ac:dyDescent="0.2">
      <c r="K370" s="157" t="str">
        <f t="shared" si="10"/>
        <v/>
      </c>
      <c r="L370" s="162" t="str">
        <f t="shared" si="11"/>
        <v/>
      </c>
    </row>
    <row r="371" spans="11:12" x14ac:dyDescent="0.2">
      <c r="K371" s="157" t="str">
        <f t="shared" si="10"/>
        <v/>
      </c>
      <c r="L371" s="162" t="str">
        <f t="shared" si="11"/>
        <v/>
      </c>
    </row>
    <row r="372" spans="11:12" x14ac:dyDescent="0.2">
      <c r="K372" s="157" t="str">
        <f t="shared" si="10"/>
        <v/>
      </c>
      <c r="L372" s="162" t="str">
        <f t="shared" si="11"/>
        <v/>
      </c>
    </row>
    <row r="373" spans="11:12" x14ac:dyDescent="0.2">
      <c r="K373" s="157" t="str">
        <f t="shared" si="10"/>
        <v/>
      </c>
      <c r="L373" s="162" t="str">
        <f t="shared" si="11"/>
        <v/>
      </c>
    </row>
    <row r="374" spans="11:12" x14ac:dyDescent="0.2">
      <c r="K374" s="157" t="str">
        <f t="shared" si="10"/>
        <v/>
      </c>
      <c r="L374" s="162" t="str">
        <f t="shared" si="11"/>
        <v/>
      </c>
    </row>
    <row r="375" spans="11:12" x14ac:dyDescent="0.2">
      <c r="K375" s="157" t="str">
        <f t="shared" si="10"/>
        <v/>
      </c>
      <c r="L375" s="162" t="str">
        <f t="shared" si="11"/>
        <v/>
      </c>
    </row>
    <row r="376" spans="11:12" x14ac:dyDescent="0.2">
      <c r="K376" s="157" t="str">
        <f t="shared" si="10"/>
        <v/>
      </c>
      <c r="L376" s="162" t="str">
        <f t="shared" si="11"/>
        <v/>
      </c>
    </row>
    <row r="377" spans="11:12" x14ac:dyDescent="0.2">
      <c r="K377" s="157" t="str">
        <f t="shared" si="10"/>
        <v/>
      </c>
      <c r="L377" s="162" t="str">
        <f t="shared" si="11"/>
        <v/>
      </c>
    </row>
    <row r="378" spans="11:12" x14ac:dyDescent="0.2">
      <c r="K378" s="157" t="str">
        <f t="shared" si="10"/>
        <v/>
      </c>
      <c r="L378" s="162" t="str">
        <f t="shared" si="11"/>
        <v/>
      </c>
    </row>
    <row r="379" spans="11:12" x14ac:dyDescent="0.2">
      <c r="K379" s="157" t="str">
        <f t="shared" si="10"/>
        <v/>
      </c>
      <c r="L379" s="162" t="str">
        <f t="shared" si="11"/>
        <v/>
      </c>
    </row>
    <row r="380" spans="11:12" x14ac:dyDescent="0.2">
      <c r="K380" s="157" t="str">
        <f t="shared" si="10"/>
        <v/>
      </c>
      <c r="L380" s="162" t="str">
        <f t="shared" si="11"/>
        <v/>
      </c>
    </row>
    <row r="381" spans="11:12" x14ac:dyDescent="0.2">
      <c r="K381" s="157" t="str">
        <f t="shared" si="10"/>
        <v/>
      </c>
      <c r="L381" s="162" t="str">
        <f t="shared" si="11"/>
        <v/>
      </c>
    </row>
    <row r="382" spans="11:12" x14ac:dyDescent="0.2">
      <c r="K382" s="157" t="str">
        <f t="shared" si="10"/>
        <v/>
      </c>
      <c r="L382" s="162" t="str">
        <f t="shared" si="11"/>
        <v/>
      </c>
    </row>
    <row r="383" spans="11:12" x14ac:dyDescent="0.2">
      <c r="K383" s="157" t="str">
        <f t="shared" si="10"/>
        <v/>
      </c>
      <c r="L383" s="162" t="str">
        <f t="shared" si="11"/>
        <v/>
      </c>
    </row>
    <row r="384" spans="11:12" x14ac:dyDescent="0.2">
      <c r="K384" s="157" t="str">
        <f t="shared" si="10"/>
        <v/>
      </c>
      <c r="L384" s="162" t="str">
        <f t="shared" si="11"/>
        <v/>
      </c>
    </row>
    <row r="385" spans="11:12" x14ac:dyDescent="0.2">
      <c r="K385" s="157" t="str">
        <f t="shared" si="10"/>
        <v/>
      </c>
      <c r="L385" s="162" t="str">
        <f t="shared" si="11"/>
        <v/>
      </c>
    </row>
    <row r="386" spans="11:12" x14ac:dyDescent="0.2">
      <c r="K386" s="157" t="str">
        <f t="shared" si="10"/>
        <v/>
      </c>
      <c r="L386" s="162" t="str">
        <f t="shared" si="11"/>
        <v/>
      </c>
    </row>
    <row r="387" spans="11:12" x14ac:dyDescent="0.2">
      <c r="K387" s="157" t="str">
        <f t="shared" si="10"/>
        <v/>
      </c>
      <c r="L387" s="162" t="str">
        <f t="shared" si="11"/>
        <v/>
      </c>
    </row>
    <row r="388" spans="11:12" x14ac:dyDescent="0.2">
      <c r="K388" s="157" t="str">
        <f t="shared" si="10"/>
        <v/>
      </c>
      <c r="L388" s="162" t="str">
        <f t="shared" si="11"/>
        <v/>
      </c>
    </row>
    <row r="389" spans="11:12" x14ac:dyDescent="0.2">
      <c r="K389" s="157" t="str">
        <f t="shared" ref="K389:K452" si="12">M389&amp;O389</f>
        <v/>
      </c>
      <c r="L389" s="162" t="str">
        <f t="shared" ref="L389:L452" si="13">M389&amp;O389&amp;(IF(M389&lt;&gt;"", RIGHT(M389,1),""))</f>
        <v/>
      </c>
    </row>
    <row r="390" spans="11:12" x14ac:dyDescent="0.2">
      <c r="K390" s="157" t="str">
        <f t="shared" si="12"/>
        <v/>
      </c>
      <c r="L390" s="162" t="str">
        <f t="shared" si="13"/>
        <v/>
      </c>
    </row>
    <row r="391" spans="11:12" x14ac:dyDescent="0.2">
      <c r="K391" s="157" t="str">
        <f t="shared" si="12"/>
        <v/>
      </c>
      <c r="L391" s="162" t="str">
        <f t="shared" si="13"/>
        <v/>
      </c>
    </row>
    <row r="392" spans="11:12" x14ac:dyDescent="0.2">
      <c r="K392" s="157" t="str">
        <f t="shared" si="12"/>
        <v/>
      </c>
      <c r="L392" s="162" t="str">
        <f t="shared" si="13"/>
        <v/>
      </c>
    </row>
    <row r="393" spans="11:12" x14ac:dyDescent="0.2">
      <c r="K393" s="157" t="str">
        <f t="shared" si="12"/>
        <v/>
      </c>
      <c r="L393" s="162" t="str">
        <f t="shared" si="13"/>
        <v/>
      </c>
    </row>
    <row r="394" spans="11:12" x14ac:dyDescent="0.2">
      <c r="K394" s="157" t="str">
        <f t="shared" si="12"/>
        <v/>
      </c>
      <c r="L394" s="162" t="str">
        <f t="shared" si="13"/>
        <v/>
      </c>
    </row>
    <row r="395" spans="11:12" x14ac:dyDescent="0.2">
      <c r="K395" s="157" t="str">
        <f t="shared" si="12"/>
        <v/>
      </c>
      <c r="L395" s="162" t="str">
        <f t="shared" si="13"/>
        <v/>
      </c>
    </row>
    <row r="396" spans="11:12" x14ac:dyDescent="0.2">
      <c r="K396" s="157" t="str">
        <f t="shared" si="12"/>
        <v/>
      </c>
      <c r="L396" s="162" t="str">
        <f t="shared" si="13"/>
        <v/>
      </c>
    </row>
    <row r="397" spans="11:12" x14ac:dyDescent="0.2">
      <c r="K397" s="157" t="str">
        <f t="shared" si="12"/>
        <v/>
      </c>
      <c r="L397" s="162" t="str">
        <f t="shared" si="13"/>
        <v/>
      </c>
    </row>
    <row r="398" spans="11:12" x14ac:dyDescent="0.2">
      <c r="K398" s="157" t="str">
        <f t="shared" si="12"/>
        <v/>
      </c>
      <c r="L398" s="162" t="str">
        <f t="shared" si="13"/>
        <v/>
      </c>
    </row>
    <row r="399" spans="11:12" x14ac:dyDescent="0.2">
      <c r="K399" s="157" t="str">
        <f t="shared" si="12"/>
        <v/>
      </c>
      <c r="L399" s="162" t="str">
        <f t="shared" si="13"/>
        <v/>
      </c>
    </row>
    <row r="400" spans="11:12" x14ac:dyDescent="0.2">
      <c r="K400" s="157" t="str">
        <f t="shared" si="12"/>
        <v/>
      </c>
      <c r="L400" s="162" t="str">
        <f t="shared" si="13"/>
        <v/>
      </c>
    </row>
    <row r="401" spans="11:12" x14ac:dyDescent="0.2">
      <c r="K401" s="157" t="str">
        <f t="shared" si="12"/>
        <v/>
      </c>
      <c r="L401" s="162" t="str">
        <f t="shared" si="13"/>
        <v/>
      </c>
    </row>
    <row r="402" spans="11:12" x14ac:dyDescent="0.2">
      <c r="K402" s="157" t="str">
        <f t="shared" si="12"/>
        <v/>
      </c>
      <c r="L402" s="162" t="str">
        <f t="shared" si="13"/>
        <v/>
      </c>
    </row>
    <row r="403" spans="11:12" x14ac:dyDescent="0.2">
      <c r="K403" s="157" t="str">
        <f t="shared" si="12"/>
        <v/>
      </c>
      <c r="L403" s="162" t="str">
        <f t="shared" si="13"/>
        <v/>
      </c>
    </row>
    <row r="404" spans="11:12" x14ac:dyDescent="0.2">
      <c r="K404" s="157" t="str">
        <f t="shared" si="12"/>
        <v/>
      </c>
      <c r="L404" s="162" t="str">
        <f t="shared" si="13"/>
        <v/>
      </c>
    </row>
    <row r="405" spans="11:12" x14ac:dyDescent="0.2">
      <c r="K405" s="157" t="str">
        <f t="shared" si="12"/>
        <v/>
      </c>
      <c r="L405" s="162" t="str">
        <f t="shared" si="13"/>
        <v/>
      </c>
    </row>
    <row r="406" spans="11:12" x14ac:dyDescent="0.2">
      <c r="K406" s="157" t="str">
        <f t="shared" si="12"/>
        <v/>
      </c>
      <c r="L406" s="162" t="str">
        <f t="shared" si="13"/>
        <v/>
      </c>
    </row>
    <row r="407" spans="11:12" x14ac:dyDescent="0.2">
      <c r="K407" s="157" t="str">
        <f t="shared" si="12"/>
        <v/>
      </c>
      <c r="L407" s="162" t="str">
        <f t="shared" si="13"/>
        <v/>
      </c>
    </row>
    <row r="408" spans="11:12" x14ac:dyDescent="0.2">
      <c r="K408" s="157" t="str">
        <f t="shared" si="12"/>
        <v/>
      </c>
      <c r="L408" s="162" t="str">
        <f t="shared" si="13"/>
        <v/>
      </c>
    </row>
    <row r="409" spans="11:12" x14ac:dyDescent="0.2">
      <c r="K409" s="157" t="str">
        <f t="shared" si="12"/>
        <v/>
      </c>
      <c r="L409" s="162" t="str">
        <f t="shared" si="13"/>
        <v/>
      </c>
    </row>
    <row r="410" spans="11:12" x14ac:dyDescent="0.2">
      <c r="K410" s="157" t="str">
        <f t="shared" si="12"/>
        <v/>
      </c>
      <c r="L410" s="162" t="str">
        <f t="shared" si="13"/>
        <v/>
      </c>
    </row>
    <row r="411" spans="11:12" x14ac:dyDescent="0.2">
      <c r="K411" s="157" t="str">
        <f t="shared" si="12"/>
        <v/>
      </c>
      <c r="L411" s="162" t="str">
        <f t="shared" si="13"/>
        <v/>
      </c>
    </row>
    <row r="412" spans="11:12" x14ac:dyDescent="0.2">
      <c r="K412" s="157" t="str">
        <f t="shared" si="12"/>
        <v/>
      </c>
      <c r="L412" s="162" t="str">
        <f t="shared" si="13"/>
        <v/>
      </c>
    </row>
    <row r="413" spans="11:12" x14ac:dyDescent="0.2">
      <c r="K413" s="157" t="str">
        <f t="shared" si="12"/>
        <v/>
      </c>
      <c r="L413" s="162" t="str">
        <f t="shared" si="13"/>
        <v/>
      </c>
    </row>
    <row r="414" spans="11:12" x14ac:dyDescent="0.2">
      <c r="K414" s="157" t="str">
        <f t="shared" si="12"/>
        <v/>
      </c>
      <c r="L414" s="162" t="str">
        <f t="shared" si="13"/>
        <v/>
      </c>
    </row>
    <row r="415" spans="11:12" x14ac:dyDescent="0.2">
      <c r="K415" s="157" t="str">
        <f t="shared" si="12"/>
        <v/>
      </c>
      <c r="L415" s="162" t="str">
        <f t="shared" si="13"/>
        <v/>
      </c>
    </row>
    <row r="416" spans="11:12" x14ac:dyDescent="0.2">
      <c r="K416" s="157" t="str">
        <f t="shared" si="12"/>
        <v/>
      </c>
      <c r="L416" s="162" t="str">
        <f t="shared" si="13"/>
        <v/>
      </c>
    </row>
    <row r="417" spans="11:12" x14ac:dyDescent="0.2">
      <c r="K417" s="157" t="str">
        <f t="shared" si="12"/>
        <v/>
      </c>
      <c r="L417" s="162" t="str">
        <f t="shared" si="13"/>
        <v/>
      </c>
    </row>
    <row r="418" spans="11:12" x14ac:dyDescent="0.2">
      <c r="K418" s="157" t="str">
        <f t="shared" si="12"/>
        <v/>
      </c>
      <c r="L418" s="162" t="str">
        <f t="shared" si="13"/>
        <v/>
      </c>
    </row>
    <row r="419" spans="11:12" x14ac:dyDescent="0.2">
      <c r="K419" s="157" t="str">
        <f t="shared" si="12"/>
        <v/>
      </c>
      <c r="L419" s="162" t="str">
        <f t="shared" si="13"/>
        <v/>
      </c>
    </row>
    <row r="420" spans="11:12" x14ac:dyDescent="0.2">
      <c r="K420" s="157" t="str">
        <f t="shared" si="12"/>
        <v/>
      </c>
      <c r="L420" s="162" t="str">
        <f t="shared" si="13"/>
        <v/>
      </c>
    </row>
    <row r="421" spans="11:12" x14ac:dyDescent="0.2">
      <c r="K421" s="157" t="str">
        <f t="shared" si="12"/>
        <v/>
      </c>
      <c r="L421" s="162" t="str">
        <f t="shared" si="13"/>
        <v/>
      </c>
    </row>
    <row r="422" spans="11:12" x14ac:dyDescent="0.2">
      <c r="K422" s="157" t="str">
        <f t="shared" si="12"/>
        <v/>
      </c>
      <c r="L422" s="162" t="str">
        <f t="shared" si="13"/>
        <v/>
      </c>
    </row>
    <row r="423" spans="11:12" x14ac:dyDescent="0.2">
      <c r="K423" s="157" t="str">
        <f t="shared" si="12"/>
        <v/>
      </c>
      <c r="L423" s="162" t="str">
        <f t="shared" si="13"/>
        <v/>
      </c>
    </row>
    <row r="424" spans="11:12" x14ac:dyDescent="0.2">
      <c r="K424" s="157" t="str">
        <f t="shared" si="12"/>
        <v/>
      </c>
      <c r="L424" s="162" t="str">
        <f t="shared" si="13"/>
        <v/>
      </c>
    </row>
    <row r="425" spans="11:12" x14ac:dyDescent="0.2">
      <c r="K425" s="157" t="str">
        <f t="shared" si="12"/>
        <v/>
      </c>
      <c r="L425" s="162" t="str">
        <f t="shared" si="13"/>
        <v/>
      </c>
    </row>
    <row r="426" spans="11:12" x14ac:dyDescent="0.2">
      <c r="K426" s="157" t="str">
        <f t="shared" si="12"/>
        <v/>
      </c>
      <c r="L426" s="162" t="str">
        <f t="shared" si="13"/>
        <v/>
      </c>
    </row>
    <row r="427" spans="11:12" x14ac:dyDescent="0.2">
      <c r="K427" s="157" t="str">
        <f t="shared" si="12"/>
        <v/>
      </c>
      <c r="L427" s="162" t="str">
        <f t="shared" si="13"/>
        <v/>
      </c>
    </row>
    <row r="428" spans="11:12" x14ac:dyDescent="0.2">
      <c r="K428" s="157" t="str">
        <f t="shared" si="12"/>
        <v/>
      </c>
      <c r="L428" s="162" t="str">
        <f t="shared" si="13"/>
        <v/>
      </c>
    </row>
    <row r="429" spans="11:12" x14ac:dyDescent="0.2">
      <c r="K429" s="157" t="str">
        <f t="shared" si="12"/>
        <v/>
      </c>
      <c r="L429" s="162" t="str">
        <f t="shared" si="13"/>
        <v/>
      </c>
    </row>
    <row r="430" spans="11:12" x14ac:dyDescent="0.2">
      <c r="K430" s="157" t="str">
        <f t="shared" si="12"/>
        <v/>
      </c>
      <c r="L430" s="162" t="str">
        <f t="shared" si="13"/>
        <v/>
      </c>
    </row>
    <row r="431" spans="11:12" x14ac:dyDescent="0.2">
      <c r="K431" s="157" t="str">
        <f t="shared" si="12"/>
        <v/>
      </c>
      <c r="L431" s="162" t="str">
        <f t="shared" si="13"/>
        <v/>
      </c>
    </row>
    <row r="432" spans="11:12" x14ac:dyDescent="0.2">
      <c r="K432" s="157" t="str">
        <f t="shared" si="12"/>
        <v/>
      </c>
      <c r="L432" s="162" t="str">
        <f t="shared" si="13"/>
        <v/>
      </c>
    </row>
    <row r="433" spans="11:12" x14ac:dyDescent="0.2">
      <c r="K433" s="157" t="str">
        <f t="shared" si="12"/>
        <v/>
      </c>
      <c r="L433" s="162" t="str">
        <f t="shared" si="13"/>
        <v/>
      </c>
    </row>
    <row r="434" spans="11:12" x14ac:dyDescent="0.2">
      <c r="K434" s="157" t="str">
        <f t="shared" si="12"/>
        <v/>
      </c>
      <c r="L434" s="162" t="str">
        <f t="shared" si="13"/>
        <v/>
      </c>
    </row>
    <row r="435" spans="11:12" x14ac:dyDescent="0.2">
      <c r="K435" s="157" t="str">
        <f t="shared" si="12"/>
        <v/>
      </c>
      <c r="L435" s="162" t="str">
        <f t="shared" si="13"/>
        <v/>
      </c>
    </row>
    <row r="436" spans="11:12" x14ac:dyDescent="0.2">
      <c r="K436" s="157" t="str">
        <f t="shared" si="12"/>
        <v/>
      </c>
      <c r="L436" s="162" t="str">
        <f t="shared" si="13"/>
        <v/>
      </c>
    </row>
    <row r="437" spans="11:12" x14ac:dyDescent="0.2">
      <c r="K437" s="157" t="str">
        <f t="shared" si="12"/>
        <v/>
      </c>
      <c r="L437" s="162" t="str">
        <f t="shared" si="13"/>
        <v/>
      </c>
    </row>
    <row r="438" spans="11:12" x14ac:dyDescent="0.2">
      <c r="K438" s="157" t="str">
        <f t="shared" si="12"/>
        <v/>
      </c>
      <c r="L438" s="162" t="str">
        <f t="shared" si="13"/>
        <v/>
      </c>
    </row>
    <row r="439" spans="11:12" x14ac:dyDescent="0.2">
      <c r="K439" s="157" t="str">
        <f t="shared" si="12"/>
        <v/>
      </c>
      <c r="L439" s="162" t="str">
        <f t="shared" si="13"/>
        <v/>
      </c>
    </row>
    <row r="440" spans="11:12" x14ac:dyDescent="0.2">
      <c r="K440" s="157" t="str">
        <f t="shared" si="12"/>
        <v/>
      </c>
      <c r="L440" s="162" t="str">
        <f t="shared" si="13"/>
        <v/>
      </c>
    </row>
    <row r="441" spans="11:12" x14ac:dyDescent="0.2">
      <c r="K441" s="157" t="str">
        <f t="shared" si="12"/>
        <v/>
      </c>
      <c r="L441" s="162" t="str">
        <f t="shared" si="13"/>
        <v/>
      </c>
    </row>
    <row r="442" spans="11:12" x14ac:dyDescent="0.2">
      <c r="K442" s="157" t="str">
        <f t="shared" si="12"/>
        <v/>
      </c>
      <c r="L442" s="162" t="str">
        <f t="shared" si="13"/>
        <v/>
      </c>
    </row>
    <row r="443" spans="11:12" x14ac:dyDescent="0.2">
      <c r="K443" s="157" t="str">
        <f t="shared" si="12"/>
        <v/>
      </c>
      <c r="L443" s="162" t="str">
        <f t="shared" si="13"/>
        <v/>
      </c>
    </row>
    <row r="444" spans="11:12" x14ac:dyDescent="0.2">
      <c r="K444" s="157" t="str">
        <f t="shared" si="12"/>
        <v/>
      </c>
      <c r="L444" s="162" t="str">
        <f t="shared" si="13"/>
        <v/>
      </c>
    </row>
    <row r="445" spans="11:12" x14ac:dyDescent="0.2">
      <c r="K445" s="157" t="str">
        <f t="shared" si="12"/>
        <v/>
      </c>
      <c r="L445" s="162" t="str">
        <f t="shared" si="13"/>
        <v/>
      </c>
    </row>
    <row r="446" spans="11:12" x14ac:dyDescent="0.2">
      <c r="K446" s="157" t="str">
        <f t="shared" si="12"/>
        <v/>
      </c>
      <c r="L446" s="162" t="str">
        <f t="shared" si="13"/>
        <v/>
      </c>
    </row>
    <row r="447" spans="11:12" x14ac:dyDescent="0.2">
      <c r="K447" s="157" t="str">
        <f t="shared" si="12"/>
        <v/>
      </c>
      <c r="L447" s="162" t="str">
        <f t="shared" si="13"/>
        <v/>
      </c>
    </row>
    <row r="448" spans="11:12" x14ac:dyDescent="0.2">
      <c r="K448" s="157" t="str">
        <f t="shared" si="12"/>
        <v/>
      </c>
      <c r="L448" s="162" t="str">
        <f t="shared" si="13"/>
        <v/>
      </c>
    </row>
    <row r="449" spans="11:12" x14ac:dyDescent="0.2">
      <c r="K449" s="157" t="str">
        <f t="shared" si="12"/>
        <v/>
      </c>
      <c r="L449" s="162" t="str">
        <f t="shared" si="13"/>
        <v/>
      </c>
    </row>
    <row r="450" spans="11:12" x14ac:dyDescent="0.2">
      <c r="K450" s="157" t="str">
        <f t="shared" si="12"/>
        <v/>
      </c>
      <c r="L450" s="162" t="str">
        <f t="shared" si="13"/>
        <v/>
      </c>
    </row>
    <row r="451" spans="11:12" x14ac:dyDescent="0.2">
      <c r="K451" s="157" t="str">
        <f t="shared" si="12"/>
        <v/>
      </c>
      <c r="L451" s="162" t="str">
        <f t="shared" si="13"/>
        <v/>
      </c>
    </row>
    <row r="452" spans="11:12" x14ac:dyDescent="0.2">
      <c r="K452" s="157" t="str">
        <f t="shared" si="12"/>
        <v/>
      </c>
      <c r="L452" s="162" t="str">
        <f t="shared" si="13"/>
        <v/>
      </c>
    </row>
    <row r="453" spans="11:12" x14ac:dyDescent="0.2">
      <c r="K453" s="157" t="str">
        <f t="shared" ref="K453:K516" si="14">M453&amp;O453</f>
        <v/>
      </c>
      <c r="L453" s="162" t="str">
        <f t="shared" ref="L453:L516" si="15">M453&amp;O453&amp;(IF(M453&lt;&gt;"", RIGHT(M453,1),""))</f>
        <v/>
      </c>
    </row>
    <row r="454" spans="11:12" x14ac:dyDescent="0.2">
      <c r="K454" s="157" t="str">
        <f t="shared" si="14"/>
        <v/>
      </c>
      <c r="L454" s="162" t="str">
        <f t="shared" si="15"/>
        <v/>
      </c>
    </row>
    <row r="455" spans="11:12" x14ac:dyDescent="0.2">
      <c r="K455" s="157" t="str">
        <f t="shared" si="14"/>
        <v/>
      </c>
      <c r="L455" s="162" t="str">
        <f t="shared" si="15"/>
        <v/>
      </c>
    </row>
    <row r="456" spans="11:12" x14ac:dyDescent="0.2">
      <c r="K456" s="157" t="str">
        <f t="shared" si="14"/>
        <v/>
      </c>
      <c r="L456" s="162" t="str">
        <f t="shared" si="15"/>
        <v/>
      </c>
    </row>
    <row r="457" spans="11:12" x14ac:dyDescent="0.2">
      <c r="K457" s="157" t="str">
        <f t="shared" si="14"/>
        <v/>
      </c>
      <c r="L457" s="162" t="str">
        <f t="shared" si="15"/>
        <v/>
      </c>
    </row>
    <row r="458" spans="11:12" x14ac:dyDescent="0.2">
      <c r="K458" s="157" t="str">
        <f t="shared" si="14"/>
        <v/>
      </c>
      <c r="L458" s="162" t="str">
        <f t="shared" si="15"/>
        <v/>
      </c>
    </row>
    <row r="459" spans="11:12" x14ac:dyDescent="0.2">
      <c r="K459" s="157" t="str">
        <f t="shared" si="14"/>
        <v/>
      </c>
      <c r="L459" s="162" t="str">
        <f t="shared" si="15"/>
        <v/>
      </c>
    </row>
    <row r="460" spans="11:12" x14ac:dyDescent="0.2">
      <c r="K460" s="157" t="str">
        <f t="shared" si="14"/>
        <v/>
      </c>
      <c r="L460" s="162" t="str">
        <f t="shared" si="15"/>
        <v/>
      </c>
    </row>
    <row r="461" spans="11:12" x14ac:dyDescent="0.2">
      <c r="K461" s="157" t="str">
        <f t="shared" si="14"/>
        <v/>
      </c>
      <c r="L461" s="162" t="str">
        <f t="shared" si="15"/>
        <v/>
      </c>
    </row>
    <row r="462" spans="11:12" x14ac:dyDescent="0.2">
      <c r="K462" s="157" t="str">
        <f t="shared" si="14"/>
        <v/>
      </c>
      <c r="L462" s="162" t="str">
        <f t="shared" si="15"/>
        <v/>
      </c>
    </row>
    <row r="463" spans="11:12" x14ac:dyDescent="0.2">
      <c r="K463" s="157" t="str">
        <f t="shared" si="14"/>
        <v/>
      </c>
      <c r="L463" s="162" t="str">
        <f t="shared" si="15"/>
        <v/>
      </c>
    </row>
    <row r="464" spans="11:12" x14ac:dyDescent="0.2">
      <c r="K464" s="157" t="str">
        <f t="shared" si="14"/>
        <v/>
      </c>
      <c r="L464" s="162" t="str">
        <f t="shared" si="15"/>
        <v/>
      </c>
    </row>
    <row r="465" spans="11:12" x14ac:dyDescent="0.2">
      <c r="K465" s="157" t="str">
        <f t="shared" si="14"/>
        <v/>
      </c>
      <c r="L465" s="162" t="str">
        <f t="shared" si="15"/>
        <v/>
      </c>
    </row>
    <row r="466" spans="11:12" x14ac:dyDescent="0.2">
      <c r="K466" s="157" t="str">
        <f t="shared" si="14"/>
        <v/>
      </c>
      <c r="L466" s="162" t="str">
        <f t="shared" si="15"/>
        <v/>
      </c>
    </row>
    <row r="467" spans="11:12" x14ac:dyDescent="0.2">
      <c r="K467" s="157" t="str">
        <f t="shared" si="14"/>
        <v/>
      </c>
      <c r="L467" s="162" t="str">
        <f t="shared" si="15"/>
        <v/>
      </c>
    </row>
    <row r="468" spans="11:12" x14ac:dyDescent="0.2">
      <c r="K468" s="157" t="str">
        <f t="shared" si="14"/>
        <v/>
      </c>
      <c r="L468" s="162" t="str">
        <f t="shared" si="15"/>
        <v/>
      </c>
    </row>
    <row r="469" spans="11:12" x14ac:dyDescent="0.2">
      <c r="K469" s="157" t="str">
        <f t="shared" si="14"/>
        <v/>
      </c>
      <c r="L469" s="162" t="str">
        <f t="shared" si="15"/>
        <v/>
      </c>
    </row>
    <row r="470" spans="11:12" x14ac:dyDescent="0.2">
      <c r="K470" s="157" t="str">
        <f t="shared" si="14"/>
        <v/>
      </c>
      <c r="L470" s="162" t="str">
        <f t="shared" si="15"/>
        <v/>
      </c>
    </row>
    <row r="471" spans="11:12" x14ac:dyDescent="0.2">
      <c r="K471" s="157" t="str">
        <f t="shared" si="14"/>
        <v/>
      </c>
      <c r="L471" s="162" t="str">
        <f t="shared" si="15"/>
        <v/>
      </c>
    </row>
    <row r="472" spans="11:12" x14ac:dyDescent="0.2">
      <c r="K472" s="157" t="str">
        <f t="shared" si="14"/>
        <v/>
      </c>
      <c r="L472" s="162" t="str">
        <f t="shared" si="15"/>
        <v/>
      </c>
    </row>
    <row r="473" spans="11:12" x14ac:dyDescent="0.2">
      <c r="K473" s="157" t="str">
        <f t="shared" si="14"/>
        <v/>
      </c>
      <c r="L473" s="162" t="str">
        <f t="shared" si="15"/>
        <v/>
      </c>
    </row>
    <row r="474" spans="11:12" x14ac:dyDescent="0.2">
      <c r="K474" s="157" t="str">
        <f t="shared" si="14"/>
        <v/>
      </c>
      <c r="L474" s="162" t="str">
        <f t="shared" si="15"/>
        <v/>
      </c>
    </row>
    <row r="475" spans="11:12" x14ac:dyDescent="0.2">
      <c r="K475" s="157" t="str">
        <f t="shared" si="14"/>
        <v/>
      </c>
      <c r="L475" s="162" t="str">
        <f t="shared" si="15"/>
        <v/>
      </c>
    </row>
    <row r="476" spans="11:12" x14ac:dyDescent="0.2">
      <c r="K476" s="157" t="str">
        <f t="shared" si="14"/>
        <v/>
      </c>
      <c r="L476" s="162" t="str">
        <f t="shared" si="15"/>
        <v/>
      </c>
    </row>
    <row r="477" spans="11:12" x14ac:dyDescent="0.2">
      <c r="K477" s="157" t="str">
        <f t="shared" si="14"/>
        <v/>
      </c>
      <c r="L477" s="162" t="str">
        <f t="shared" si="15"/>
        <v/>
      </c>
    </row>
    <row r="478" spans="11:12" x14ac:dyDescent="0.2">
      <c r="K478" s="157" t="str">
        <f t="shared" si="14"/>
        <v/>
      </c>
      <c r="L478" s="162" t="str">
        <f t="shared" si="15"/>
        <v/>
      </c>
    </row>
    <row r="479" spans="11:12" x14ac:dyDescent="0.2">
      <c r="K479" s="157" t="str">
        <f t="shared" si="14"/>
        <v/>
      </c>
      <c r="L479" s="162" t="str">
        <f t="shared" si="15"/>
        <v/>
      </c>
    </row>
    <row r="480" spans="11:12" x14ac:dyDescent="0.2">
      <c r="K480" s="157" t="str">
        <f t="shared" si="14"/>
        <v/>
      </c>
      <c r="L480" s="162" t="str">
        <f t="shared" si="15"/>
        <v/>
      </c>
    </row>
    <row r="481" spans="11:12" x14ac:dyDescent="0.2">
      <c r="K481" s="157" t="str">
        <f t="shared" si="14"/>
        <v/>
      </c>
      <c r="L481" s="162" t="str">
        <f t="shared" si="15"/>
        <v/>
      </c>
    </row>
    <row r="482" spans="11:12" x14ac:dyDescent="0.2">
      <c r="K482" s="157" t="str">
        <f t="shared" si="14"/>
        <v/>
      </c>
      <c r="L482" s="162" t="str">
        <f t="shared" si="15"/>
        <v/>
      </c>
    </row>
    <row r="483" spans="11:12" x14ac:dyDescent="0.2">
      <c r="K483" s="157" t="str">
        <f t="shared" si="14"/>
        <v/>
      </c>
      <c r="L483" s="162" t="str">
        <f t="shared" si="15"/>
        <v/>
      </c>
    </row>
    <row r="484" spans="11:12" x14ac:dyDescent="0.2">
      <c r="K484" s="157" t="str">
        <f t="shared" si="14"/>
        <v/>
      </c>
      <c r="L484" s="162" t="str">
        <f t="shared" si="15"/>
        <v/>
      </c>
    </row>
    <row r="485" spans="11:12" x14ac:dyDescent="0.2">
      <c r="K485" s="157" t="str">
        <f t="shared" si="14"/>
        <v/>
      </c>
      <c r="L485" s="162" t="str">
        <f t="shared" si="15"/>
        <v/>
      </c>
    </row>
    <row r="486" spans="11:12" x14ac:dyDescent="0.2">
      <c r="K486" s="157" t="str">
        <f t="shared" si="14"/>
        <v/>
      </c>
      <c r="L486" s="162" t="str">
        <f t="shared" si="15"/>
        <v/>
      </c>
    </row>
    <row r="487" spans="11:12" x14ac:dyDescent="0.2">
      <c r="K487" s="157" t="str">
        <f t="shared" si="14"/>
        <v/>
      </c>
      <c r="L487" s="162" t="str">
        <f t="shared" si="15"/>
        <v/>
      </c>
    </row>
    <row r="488" spans="11:12" x14ac:dyDescent="0.2">
      <c r="K488" s="157" t="str">
        <f t="shared" si="14"/>
        <v/>
      </c>
      <c r="L488" s="162" t="str">
        <f t="shared" si="15"/>
        <v/>
      </c>
    </row>
    <row r="489" spans="11:12" x14ac:dyDescent="0.2">
      <c r="K489" s="157" t="str">
        <f t="shared" si="14"/>
        <v/>
      </c>
      <c r="L489" s="162" t="str">
        <f t="shared" si="15"/>
        <v/>
      </c>
    </row>
    <row r="490" spans="11:12" x14ac:dyDescent="0.2">
      <c r="K490" s="157" t="str">
        <f t="shared" si="14"/>
        <v/>
      </c>
      <c r="L490" s="162" t="str">
        <f t="shared" si="15"/>
        <v/>
      </c>
    </row>
    <row r="491" spans="11:12" x14ac:dyDescent="0.2">
      <c r="K491" s="157" t="str">
        <f t="shared" si="14"/>
        <v/>
      </c>
      <c r="L491" s="162" t="str">
        <f t="shared" si="15"/>
        <v/>
      </c>
    </row>
    <row r="492" spans="11:12" x14ac:dyDescent="0.2">
      <c r="K492" s="157" t="str">
        <f t="shared" si="14"/>
        <v/>
      </c>
      <c r="L492" s="162" t="str">
        <f t="shared" si="15"/>
        <v/>
      </c>
    </row>
    <row r="493" spans="11:12" x14ac:dyDescent="0.2">
      <c r="K493" s="157" t="str">
        <f t="shared" si="14"/>
        <v/>
      </c>
      <c r="L493" s="162" t="str">
        <f t="shared" si="15"/>
        <v/>
      </c>
    </row>
    <row r="494" spans="11:12" x14ac:dyDescent="0.2">
      <c r="K494" s="157" t="str">
        <f t="shared" si="14"/>
        <v/>
      </c>
      <c r="L494" s="162" t="str">
        <f t="shared" si="15"/>
        <v/>
      </c>
    </row>
    <row r="495" spans="11:12" x14ac:dyDescent="0.2">
      <c r="K495" s="157" t="str">
        <f t="shared" si="14"/>
        <v/>
      </c>
      <c r="L495" s="162" t="str">
        <f t="shared" si="15"/>
        <v/>
      </c>
    </row>
    <row r="496" spans="11:12" x14ac:dyDescent="0.2">
      <c r="K496" s="157" t="str">
        <f t="shared" si="14"/>
        <v/>
      </c>
      <c r="L496" s="162" t="str">
        <f t="shared" si="15"/>
        <v/>
      </c>
    </row>
    <row r="497" spans="11:12" x14ac:dyDescent="0.2">
      <c r="K497" s="157" t="str">
        <f t="shared" si="14"/>
        <v/>
      </c>
      <c r="L497" s="162" t="str">
        <f t="shared" si="15"/>
        <v/>
      </c>
    </row>
    <row r="498" spans="11:12" x14ac:dyDescent="0.2">
      <c r="K498" s="157" t="str">
        <f t="shared" si="14"/>
        <v/>
      </c>
      <c r="L498" s="162" t="str">
        <f t="shared" si="15"/>
        <v/>
      </c>
    </row>
    <row r="499" spans="11:12" x14ac:dyDescent="0.2">
      <c r="K499" s="157" t="str">
        <f t="shared" si="14"/>
        <v/>
      </c>
      <c r="L499" s="162" t="str">
        <f t="shared" si="15"/>
        <v/>
      </c>
    </row>
    <row r="500" spans="11:12" x14ac:dyDescent="0.2">
      <c r="K500" s="157" t="str">
        <f t="shared" si="14"/>
        <v/>
      </c>
      <c r="L500" s="162" t="str">
        <f t="shared" si="15"/>
        <v/>
      </c>
    </row>
    <row r="501" spans="11:12" x14ac:dyDescent="0.2">
      <c r="K501" s="157" t="str">
        <f t="shared" si="14"/>
        <v/>
      </c>
      <c r="L501" s="162" t="str">
        <f t="shared" si="15"/>
        <v/>
      </c>
    </row>
    <row r="502" spans="11:12" x14ac:dyDescent="0.2">
      <c r="K502" s="157" t="str">
        <f t="shared" si="14"/>
        <v/>
      </c>
      <c r="L502" s="162" t="str">
        <f t="shared" si="15"/>
        <v/>
      </c>
    </row>
    <row r="503" spans="11:12" x14ac:dyDescent="0.2">
      <c r="K503" s="157" t="str">
        <f t="shared" si="14"/>
        <v/>
      </c>
      <c r="L503" s="162" t="str">
        <f t="shared" si="15"/>
        <v/>
      </c>
    </row>
    <row r="504" spans="11:12" x14ac:dyDescent="0.2">
      <c r="K504" s="157" t="str">
        <f t="shared" si="14"/>
        <v/>
      </c>
      <c r="L504" s="162" t="str">
        <f t="shared" si="15"/>
        <v/>
      </c>
    </row>
    <row r="505" spans="11:12" x14ac:dyDescent="0.2">
      <c r="K505" s="157" t="str">
        <f t="shared" si="14"/>
        <v/>
      </c>
      <c r="L505" s="162" t="str">
        <f t="shared" si="15"/>
        <v/>
      </c>
    </row>
    <row r="506" spans="11:12" x14ac:dyDescent="0.2">
      <c r="K506" s="157" t="str">
        <f t="shared" si="14"/>
        <v/>
      </c>
      <c r="L506" s="162" t="str">
        <f t="shared" si="15"/>
        <v/>
      </c>
    </row>
    <row r="507" spans="11:12" x14ac:dyDescent="0.2">
      <c r="K507" s="157" t="str">
        <f t="shared" si="14"/>
        <v/>
      </c>
      <c r="L507" s="162" t="str">
        <f t="shared" si="15"/>
        <v/>
      </c>
    </row>
    <row r="508" spans="11:12" x14ac:dyDescent="0.2">
      <c r="K508" s="157" t="str">
        <f t="shared" si="14"/>
        <v/>
      </c>
      <c r="L508" s="162" t="str">
        <f t="shared" si="15"/>
        <v/>
      </c>
    </row>
    <row r="509" spans="11:12" x14ac:dyDescent="0.2">
      <c r="K509" s="157" t="str">
        <f t="shared" si="14"/>
        <v/>
      </c>
      <c r="L509" s="162" t="str">
        <f t="shared" si="15"/>
        <v/>
      </c>
    </row>
    <row r="510" spans="11:12" x14ac:dyDescent="0.2">
      <c r="K510" s="157" t="str">
        <f t="shared" si="14"/>
        <v/>
      </c>
      <c r="L510" s="162" t="str">
        <f t="shared" si="15"/>
        <v/>
      </c>
    </row>
    <row r="511" spans="11:12" x14ac:dyDescent="0.2">
      <c r="K511" s="157" t="str">
        <f t="shared" si="14"/>
        <v/>
      </c>
      <c r="L511" s="162" t="str">
        <f t="shared" si="15"/>
        <v/>
      </c>
    </row>
    <row r="512" spans="11:12" x14ac:dyDescent="0.2">
      <c r="K512" s="157" t="str">
        <f t="shared" si="14"/>
        <v/>
      </c>
      <c r="L512" s="162" t="str">
        <f t="shared" si="15"/>
        <v/>
      </c>
    </row>
    <row r="513" spans="11:12" x14ac:dyDescent="0.2">
      <c r="K513" s="157" t="str">
        <f t="shared" si="14"/>
        <v/>
      </c>
      <c r="L513" s="162" t="str">
        <f t="shared" si="15"/>
        <v/>
      </c>
    </row>
    <row r="514" spans="11:12" x14ac:dyDescent="0.2">
      <c r="K514" s="157" t="str">
        <f t="shared" si="14"/>
        <v/>
      </c>
      <c r="L514" s="162" t="str">
        <f t="shared" si="15"/>
        <v/>
      </c>
    </row>
    <row r="515" spans="11:12" x14ac:dyDescent="0.2">
      <c r="K515" s="157" t="str">
        <f t="shared" si="14"/>
        <v/>
      </c>
      <c r="L515" s="162" t="str">
        <f t="shared" si="15"/>
        <v/>
      </c>
    </row>
    <row r="516" spans="11:12" x14ac:dyDescent="0.2">
      <c r="K516" s="157" t="str">
        <f t="shared" si="14"/>
        <v/>
      </c>
      <c r="L516" s="162" t="str">
        <f t="shared" si="15"/>
        <v/>
      </c>
    </row>
    <row r="517" spans="11:12" x14ac:dyDescent="0.2">
      <c r="K517" s="157" t="str">
        <f t="shared" ref="K517:K580" si="16">M517&amp;O517</f>
        <v/>
      </c>
      <c r="L517" s="162" t="str">
        <f t="shared" ref="L517:L580" si="17">M517&amp;O517&amp;(IF(M517&lt;&gt;"", RIGHT(M517,1),""))</f>
        <v/>
      </c>
    </row>
    <row r="518" spans="11:12" x14ac:dyDescent="0.2">
      <c r="K518" s="157" t="str">
        <f t="shared" si="16"/>
        <v/>
      </c>
      <c r="L518" s="162" t="str">
        <f t="shared" si="17"/>
        <v/>
      </c>
    </row>
    <row r="519" spans="11:12" x14ac:dyDescent="0.2">
      <c r="K519" s="157" t="str">
        <f t="shared" si="16"/>
        <v/>
      </c>
      <c r="L519" s="162" t="str">
        <f t="shared" si="17"/>
        <v/>
      </c>
    </row>
    <row r="520" spans="11:12" x14ac:dyDescent="0.2">
      <c r="K520" s="157" t="str">
        <f t="shared" si="16"/>
        <v/>
      </c>
      <c r="L520" s="162" t="str">
        <f t="shared" si="17"/>
        <v/>
      </c>
    </row>
    <row r="521" spans="11:12" x14ac:dyDescent="0.2">
      <c r="K521" s="157" t="str">
        <f t="shared" si="16"/>
        <v/>
      </c>
      <c r="L521" s="162" t="str">
        <f t="shared" si="17"/>
        <v/>
      </c>
    </row>
    <row r="522" spans="11:12" x14ac:dyDescent="0.2">
      <c r="K522" s="157" t="str">
        <f t="shared" si="16"/>
        <v/>
      </c>
      <c r="L522" s="162" t="str">
        <f t="shared" si="17"/>
        <v/>
      </c>
    </row>
    <row r="523" spans="11:12" x14ac:dyDescent="0.2">
      <c r="K523" s="157" t="str">
        <f t="shared" si="16"/>
        <v/>
      </c>
      <c r="L523" s="162" t="str">
        <f t="shared" si="17"/>
        <v/>
      </c>
    </row>
    <row r="524" spans="11:12" x14ac:dyDescent="0.2">
      <c r="K524" s="157" t="str">
        <f t="shared" si="16"/>
        <v/>
      </c>
      <c r="L524" s="162" t="str">
        <f t="shared" si="17"/>
        <v/>
      </c>
    </row>
    <row r="525" spans="11:12" x14ac:dyDescent="0.2">
      <c r="K525" s="157" t="str">
        <f t="shared" si="16"/>
        <v/>
      </c>
      <c r="L525" s="162" t="str">
        <f t="shared" si="17"/>
        <v/>
      </c>
    </row>
    <row r="526" spans="11:12" x14ac:dyDescent="0.2">
      <c r="K526" s="157" t="str">
        <f t="shared" si="16"/>
        <v/>
      </c>
      <c r="L526" s="162" t="str">
        <f t="shared" si="17"/>
        <v/>
      </c>
    </row>
    <row r="527" spans="11:12" x14ac:dyDescent="0.2">
      <c r="K527" s="157" t="str">
        <f t="shared" si="16"/>
        <v/>
      </c>
      <c r="L527" s="162" t="str">
        <f t="shared" si="17"/>
        <v/>
      </c>
    </row>
    <row r="528" spans="11:12" x14ac:dyDescent="0.2">
      <c r="K528" s="157" t="str">
        <f t="shared" si="16"/>
        <v/>
      </c>
      <c r="L528" s="162" t="str">
        <f t="shared" si="17"/>
        <v/>
      </c>
    </row>
    <row r="529" spans="11:12" x14ac:dyDescent="0.2">
      <c r="K529" s="157" t="str">
        <f t="shared" si="16"/>
        <v/>
      </c>
      <c r="L529" s="162" t="str">
        <f t="shared" si="17"/>
        <v/>
      </c>
    </row>
    <row r="530" spans="11:12" x14ac:dyDescent="0.2">
      <c r="K530" s="157" t="str">
        <f t="shared" si="16"/>
        <v/>
      </c>
      <c r="L530" s="162" t="str">
        <f t="shared" si="17"/>
        <v/>
      </c>
    </row>
    <row r="531" spans="11:12" x14ac:dyDescent="0.2">
      <c r="K531" s="157" t="str">
        <f t="shared" si="16"/>
        <v/>
      </c>
      <c r="L531" s="162" t="str">
        <f t="shared" si="17"/>
        <v/>
      </c>
    </row>
    <row r="532" spans="11:12" x14ac:dyDescent="0.2">
      <c r="K532" s="157" t="str">
        <f t="shared" si="16"/>
        <v/>
      </c>
      <c r="L532" s="162" t="str">
        <f t="shared" si="17"/>
        <v/>
      </c>
    </row>
    <row r="533" spans="11:12" x14ac:dyDescent="0.2">
      <c r="K533" s="157" t="str">
        <f t="shared" si="16"/>
        <v/>
      </c>
      <c r="L533" s="162" t="str">
        <f t="shared" si="17"/>
        <v/>
      </c>
    </row>
    <row r="534" spans="11:12" x14ac:dyDescent="0.2">
      <c r="K534" s="157" t="str">
        <f t="shared" si="16"/>
        <v/>
      </c>
      <c r="L534" s="162" t="str">
        <f t="shared" si="17"/>
        <v/>
      </c>
    </row>
    <row r="535" spans="11:12" x14ac:dyDescent="0.2">
      <c r="K535" s="157" t="str">
        <f t="shared" si="16"/>
        <v/>
      </c>
      <c r="L535" s="162" t="str">
        <f t="shared" si="17"/>
        <v/>
      </c>
    </row>
    <row r="536" spans="11:12" x14ac:dyDescent="0.2">
      <c r="K536" s="157" t="str">
        <f t="shared" si="16"/>
        <v/>
      </c>
      <c r="L536" s="162" t="str">
        <f t="shared" si="17"/>
        <v/>
      </c>
    </row>
    <row r="537" spans="11:12" x14ac:dyDescent="0.2">
      <c r="K537" s="157" t="str">
        <f t="shared" si="16"/>
        <v/>
      </c>
      <c r="L537" s="162" t="str">
        <f t="shared" si="17"/>
        <v/>
      </c>
    </row>
    <row r="538" spans="11:12" x14ac:dyDescent="0.2">
      <c r="K538" s="157" t="str">
        <f t="shared" si="16"/>
        <v/>
      </c>
      <c r="L538" s="162" t="str">
        <f t="shared" si="17"/>
        <v/>
      </c>
    </row>
    <row r="539" spans="11:12" x14ac:dyDescent="0.2">
      <c r="K539" s="157" t="str">
        <f t="shared" si="16"/>
        <v/>
      </c>
      <c r="L539" s="162" t="str">
        <f t="shared" si="17"/>
        <v/>
      </c>
    </row>
    <row r="540" spans="11:12" x14ac:dyDescent="0.2">
      <c r="K540" s="157" t="str">
        <f t="shared" si="16"/>
        <v/>
      </c>
      <c r="L540" s="162" t="str">
        <f t="shared" si="17"/>
        <v/>
      </c>
    </row>
    <row r="541" spans="11:12" x14ac:dyDescent="0.2">
      <c r="K541" s="157" t="str">
        <f t="shared" si="16"/>
        <v/>
      </c>
      <c r="L541" s="162" t="str">
        <f t="shared" si="17"/>
        <v/>
      </c>
    </row>
    <row r="542" spans="11:12" x14ac:dyDescent="0.2">
      <c r="K542" s="157" t="str">
        <f t="shared" si="16"/>
        <v/>
      </c>
      <c r="L542" s="162" t="str">
        <f t="shared" si="17"/>
        <v/>
      </c>
    </row>
    <row r="543" spans="11:12" x14ac:dyDescent="0.2">
      <c r="K543" s="157" t="str">
        <f t="shared" si="16"/>
        <v/>
      </c>
      <c r="L543" s="162" t="str">
        <f t="shared" si="17"/>
        <v/>
      </c>
    </row>
    <row r="544" spans="11:12" x14ac:dyDescent="0.2">
      <c r="K544" s="157" t="str">
        <f t="shared" si="16"/>
        <v/>
      </c>
      <c r="L544" s="162" t="str">
        <f t="shared" si="17"/>
        <v/>
      </c>
    </row>
    <row r="545" spans="11:12" x14ac:dyDescent="0.2">
      <c r="K545" s="157" t="str">
        <f t="shared" si="16"/>
        <v/>
      </c>
      <c r="L545" s="162" t="str">
        <f t="shared" si="17"/>
        <v/>
      </c>
    </row>
    <row r="546" spans="11:12" x14ac:dyDescent="0.2">
      <c r="K546" s="157" t="str">
        <f t="shared" si="16"/>
        <v/>
      </c>
      <c r="L546" s="162" t="str">
        <f t="shared" si="17"/>
        <v/>
      </c>
    </row>
    <row r="547" spans="11:12" x14ac:dyDescent="0.2">
      <c r="K547" s="157" t="str">
        <f t="shared" si="16"/>
        <v/>
      </c>
      <c r="L547" s="162" t="str">
        <f t="shared" si="17"/>
        <v/>
      </c>
    </row>
    <row r="548" spans="11:12" x14ac:dyDescent="0.2">
      <c r="K548" s="157" t="str">
        <f t="shared" si="16"/>
        <v/>
      </c>
      <c r="L548" s="162" t="str">
        <f t="shared" si="17"/>
        <v/>
      </c>
    </row>
    <row r="549" spans="11:12" x14ac:dyDescent="0.2">
      <c r="K549" s="157" t="str">
        <f t="shared" si="16"/>
        <v/>
      </c>
      <c r="L549" s="162" t="str">
        <f t="shared" si="17"/>
        <v/>
      </c>
    </row>
    <row r="550" spans="11:12" x14ac:dyDescent="0.2">
      <c r="K550" s="157" t="str">
        <f t="shared" si="16"/>
        <v/>
      </c>
      <c r="L550" s="162" t="str">
        <f t="shared" si="17"/>
        <v/>
      </c>
    </row>
    <row r="551" spans="11:12" x14ac:dyDescent="0.2">
      <c r="K551" s="157" t="str">
        <f t="shared" si="16"/>
        <v/>
      </c>
      <c r="L551" s="162" t="str">
        <f t="shared" si="17"/>
        <v/>
      </c>
    </row>
    <row r="552" spans="11:12" x14ac:dyDescent="0.2">
      <c r="K552" s="157" t="str">
        <f t="shared" si="16"/>
        <v/>
      </c>
      <c r="L552" s="162" t="str">
        <f t="shared" si="17"/>
        <v/>
      </c>
    </row>
    <row r="553" spans="11:12" x14ac:dyDescent="0.2">
      <c r="K553" s="157" t="str">
        <f t="shared" si="16"/>
        <v/>
      </c>
      <c r="L553" s="162" t="str">
        <f t="shared" si="17"/>
        <v/>
      </c>
    </row>
    <row r="554" spans="11:12" x14ac:dyDescent="0.2">
      <c r="K554" s="157" t="str">
        <f t="shared" si="16"/>
        <v/>
      </c>
      <c r="L554" s="162" t="str">
        <f t="shared" si="17"/>
        <v/>
      </c>
    </row>
    <row r="555" spans="11:12" x14ac:dyDescent="0.2">
      <c r="K555" s="157" t="str">
        <f t="shared" si="16"/>
        <v/>
      </c>
      <c r="L555" s="162" t="str">
        <f t="shared" si="17"/>
        <v/>
      </c>
    </row>
    <row r="556" spans="11:12" x14ac:dyDescent="0.2">
      <c r="K556" s="157" t="str">
        <f t="shared" si="16"/>
        <v/>
      </c>
      <c r="L556" s="162" t="str">
        <f t="shared" si="17"/>
        <v/>
      </c>
    </row>
    <row r="557" spans="11:12" x14ac:dyDescent="0.2">
      <c r="K557" s="157" t="str">
        <f t="shared" si="16"/>
        <v/>
      </c>
      <c r="L557" s="162" t="str">
        <f t="shared" si="17"/>
        <v/>
      </c>
    </row>
    <row r="558" spans="11:12" x14ac:dyDescent="0.2">
      <c r="K558" s="157" t="str">
        <f t="shared" si="16"/>
        <v/>
      </c>
      <c r="L558" s="162" t="str">
        <f t="shared" si="17"/>
        <v/>
      </c>
    </row>
    <row r="559" spans="11:12" x14ac:dyDescent="0.2">
      <c r="K559" s="157" t="str">
        <f t="shared" si="16"/>
        <v/>
      </c>
      <c r="L559" s="162" t="str">
        <f t="shared" si="17"/>
        <v/>
      </c>
    </row>
    <row r="560" spans="11:12" x14ac:dyDescent="0.2">
      <c r="K560" s="157" t="str">
        <f t="shared" si="16"/>
        <v/>
      </c>
      <c r="L560" s="162" t="str">
        <f t="shared" si="17"/>
        <v/>
      </c>
    </row>
    <row r="561" spans="11:12" x14ac:dyDescent="0.2">
      <c r="K561" s="157" t="str">
        <f t="shared" si="16"/>
        <v/>
      </c>
      <c r="L561" s="162" t="str">
        <f t="shared" si="17"/>
        <v/>
      </c>
    </row>
    <row r="562" spans="11:12" x14ac:dyDescent="0.2">
      <c r="K562" s="157" t="str">
        <f t="shared" si="16"/>
        <v/>
      </c>
      <c r="L562" s="162" t="str">
        <f t="shared" si="17"/>
        <v/>
      </c>
    </row>
    <row r="563" spans="11:12" x14ac:dyDescent="0.2">
      <c r="K563" s="157" t="str">
        <f t="shared" si="16"/>
        <v/>
      </c>
      <c r="L563" s="162" t="str">
        <f t="shared" si="17"/>
        <v/>
      </c>
    </row>
    <row r="564" spans="11:12" x14ac:dyDescent="0.2">
      <c r="K564" s="157" t="str">
        <f t="shared" si="16"/>
        <v/>
      </c>
      <c r="L564" s="162" t="str">
        <f t="shared" si="17"/>
        <v/>
      </c>
    </row>
    <row r="565" spans="11:12" x14ac:dyDescent="0.2">
      <c r="K565" s="157" t="str">
        <f t="shared" si="16"/>
        <v/>
      </c>
      <c r="L565" s="162" t="str">
        <f t="shared" si="17"/>
        <v/>
      </c>
    </row>
    <row r="566" spans="11:12" x14ac:dyDescent="0.2">
      <c r="K566" s="157" t="str">
        <f t="shared" si="16"/>
        <v/>
      </c>
      <c r="L566" s="162" t="str">
        <f t="shared" si="17"/>
        <v/>
      </c>
    </row>
    <row r="567" spans="11:12" x14ac:dyDescent="0.2">
      <c r="K567" s="157" t="str">
        <f t="shared" si="16"/>
        <v/>
      </c>
      <c r="L567" s="162" t="str">
        <f t="shared" si="17"/>
        <v/>
      </c>
    </row>
    <row r="568" spans="11:12" x14ac:dyDescent="0.2">
      <c r="K568" s="157" t="str">
        <f t="shared" si="16"/>
        <v/>
      </c>
      <c r="L568" s="162" t="str">
        <f t="shared" si="17"/>
        <v/>
      </c>
    </row>
    <row r="569" spans="11:12" x14ac:dyDescent="0.2">
      <c r="K569" s="157" t="str">
        <f t="shared" si="16"/>
        <v/>
      </c>
      <c r="L569" s="162" t="str">
        <f t="shared" si="17"/>
        <v/>
      </c>
    </row>
    <row r="570" spans="11:12" x14ac:dyDescent="0.2">
      <c r="K570" s="157" t="str">
        <f t="shared" si="16"/>
        <v/>
      </c>
      <c r="L570" s="162" t="str">
        <f t="shared" si="17"/>
        <v/>
      </c>
    </row>
    <row r="571" spans="11:12" x14ac:dyDescent="0.2">
      <c r="K571" s="157" t="str">
        <f t="shared" si="16"/>
        <v/>
      </c>
      <c r="L571" s="162" t="str">
        <f t="shared" si="17"/>
        <v/>
      </c>
    </row>
    <row r="572" spans="11:12" x14ac:dyDescent="0.2">
      <c r="K572" s="157" t="str">
        <f t="shared" si="16"/>
        <v/>
      </c>
      <c r="L572" s="162" t="str">
        <f t="shared" si="17"/>
        <v/>
      </c>
    </row>
    <row r="573" spans="11:12" x14ac:dyDescent="0.2">
      <c r="K573" s="157" t="str">
        <f t="shared" si="16"/>
        <v/>
      </c>
      <c r="L573" s="162" t="str">
        <f t="shared" si="17"/>
        <v/>
      </c>
    </row>
    <row r="574" spans="11:12" x14ac:dyDescent="0.2">
      <c r="K574" s="157" t="str">
        <f t="shared" si="16"/>
        <v/>
      </c>
      <c r="L574" s="162" t="str">
        <f t="shared" si="17"/>
        <v/>
      </c>
    </row>
    <row r="575" spans="11:12" x14ac:dyDescent="0.2">
      <c r="K575" s="157" t="str">
        <f t="shared" si="16"/>
        <v/>
      </c>
      <c r="L575" s="162" t="str">
        <f t="shared" si="17"/>
        <v/>
      </c>
    </row>
    <row r="576" spans="11:12" x14ac:dyDescent="0.2">
      <c r="K576" s="157" t="str">
        <f t="shared" si="16"/>
        <v/>
      </c>
      <c r="L576" s="162" t="str">
        <f t="shared" si="17"/>
        <v/>
      </c>
    </row>
    <row r="577" spans="11:12" x14ac:dyDescent="0.2">
      <c r="K577" s="157" t="str">
        <f t="shared" si="16"/>
        <v/>
      </c>
      <c r="L577" s="162" t="str">
        <f t="shared" si="17"/>
        <v/>
      </c>
    </row>
    <row r="578" spans="11:12" x14ac:dyDescent="0.2">
      <c r="K578" s="157" t="str">
        <f t="shared" si="16"/>
        <v/>
      </c>
      <c r="L578" s="162" t="str">
        <f t="shared" si="17"/>
        <v/>
      </c>
    </row>
    <row r="579" spans="11:12" x14ac:dyDescent="0.2">
      <c r="K579" s="157" t="str">
        <f t="shared" si="16"/>
        <v/>
      </c>
      <c r="L579" s="162" t="str">
        <f t="shared" si="17"/>
        <v/>
      </c>
    </row>
    <row r="580" spans="11:12" x14ac:dyDescent="0.2">
      <c r="K580" s="157" t="str">
        <f t="shared" si="16"/>
        <v/>
      </c>
      <c r="L580" s="162" t="str">
        <f t="shared" si="17"/>
        <v/>
      </c>
    </row>
    <row r="581" spans="11:12" x14ac:dyDescent="0.2">
      <c r="K581" s="157" t="str">
        <f t="shared" ref="K581:K644" si="18">M581&amp;O581</f>
        <v/>
      </c>
      <c r="L581" s="162" t="str">
        <f t="shared" ref="L581:L644" si="19">M581&amp;O581&amp;(IF(M581&lt;&gt;"", RIGHT(M581,1),""))</f>
        <v/>
      </c>
    </row>
    <row r="582" spans="11:12" x14ac:dyDescent="0.2">
      <c r="K582" s="157" t="str">
        <f t="shared" si="18"/>
        <v/>
      </c>
      <c r="L582" s="162" t="str">
        <f t="shared" si="19"/>
        <v/>
      </c>
    </row>
    <row r="583" spans="11:12" x14ac:dyDescent="0.2">
      <c r="K583" s="157" t="str">
        <f t="shared" si="18"/>
        <v/>
      </c>
      <c r="L583" s="162" t="str">
        <f t="shared" si="19"/>
        <v/>
      </c>
    </row>
    <row r="584" spans="11:12" x14ac:dyDescent="0.2">
      <c r="K584" s="157" t="str">
        <f t="shared" si="18"/>
        <v/>
      </c>
      <c r="L584" s="162" t="str">
        <f t="shared" si="19"/>
        <v/>
      </c>
    </row>
    <row r="585" spans="11:12" x14ac:dyDescent="0.2">
      <c r="K585" s="157" t="str">
        <f t="shared" si="18"/>
        <v/>
      </c>
      <c r="L585" s="162" t="str">
        <f t="shared" si="19"/>
        <v/>
      </c>
    </row>
    <row r="586" spans="11:12" x14ac:dyDescent="0.2">
      <c r="K586" s="157" t="str">
        <f t="shared" si="18"/>
        <v/>
      </c>
      <c r="L586" s="162" t="str">
        <f t="shared" si="19"/>
        <v/>
      </c>
    </row>
    <row r="587" spans="11:12" x14ac:dyDescent="0.2">
      <c r="K587" s="157" t="str">
        <f t="shared" si="18"/>
        <v/>
      </c>
      <c r="L587" s="162" t="str">
        <f t="shared" si="19"/>
        <v/>
      </c>
    </row>
    <row r="588" spans="11:12" x14ac:dyDescent="0.2">
      <c r="K588" s="157" t="str">
        <f t="shared" si="18"/>
        <v/>
      </c>
      <c r="L588" s="162" t="str">
        <f t="shared" si="19"/>
        <v/>
      </c>
    </row>
    <row r="589" spans="11:12" x14ac:dyDescent="0.2">
      <c r="K589" s="157" t="str">
        <f t="shared" si="18"/>
        <v/>
      </c>
      <c r="L589" s="162" t="str">
        <f t="shared" si="19"/>
        <v/>
      </c>
    </row>
    <row r="590" spans="11:12" x14ac:dyDescent="0.2">
      <c r="K590" s="157" t="str">
        <f t="shared" si="18"/>
        <v/>
      </c>
      <c r="L590" s="162" t="str">
        <f t="shared" si="19"/>
        <v/>
      </c>
    </row>
    <row r="591" spans="11:12" x14ac:dyDescent="0.2">
      <c r="K591" s="157" t="str">
        <f t="shared" si="18"/>
        <v/>
      </c>
      <c r="L591" s="162" t="str">
        <f t="shared" si="19"/>
        <v/>
      </c>
    </row>
    <row r="592" spans="11:12" x14ac:dyDescent="0.2">
      <c r="K592" s="157" t="str">
        <f t="shared" si="18"/>
        <v/>
      </c>
      <c r="L592" s="162" t="str">
        <f t="shared" si="19"/>
        <v/>
      </c>
    </row>
    <row r="593" spans="11:12" x14ac:dyDescent="0.2">
      <c r="K593" s="157" t="str">
        <f t="shared" si="18"/>
        <v/>
      </c>
      <c r="L593" s="162" t="str">
        <f t="shared" si="19"/>
        <v/>
      </c>
    </row>
    <row r="594" spans="11:12" x14ac:dyDescent="0.2">
      <c r="K594" s="157" t="str">
        <f t="shared" si="18"/>
        <v/>
      </c>
      <c r="L594" s="162" t="str">
        <f t="shared" si="19"/>
        <v/>
      </c>
    </row>
    <row r="595" spans="11:12" x14ac:dyDescent="0.2">
      <c r="K595" s="157" t="str">
        <f t="shared" si="18"/>
        <v/>
      </c>
      <c r="L595" s="162" t="str">
        <f t="shared" si="19"/>
        <v/>
      </c>
    </row>
    <row r="596" spans="11:12" x14ac:dyDescent="0.2">
      <c r="K596" s="157" t="str">
        <f t="shared" si="18"/>
        <v/>
      </c>
      <c r="L596" s="162" t="str">
        <f t="shared" si="19"/>
        <v/>
      </c>
    </row>
    <row r="597" spans="11:12" x14ac:dyDescent="0.2">
      <c r="K597" s="157" t="str">
        <f t="shared" si="18"/>
        <v/>
      </c>
      <c r="L597" s="162" t="str">
        <f t="shared" si="19"/>
        <v/>
      </c>
    </row>
    <row r="598" spans="11:12" x14ac:dyDescent="0.2">
      <c r="K598" s="157" t="str">
        <f t="shared" si="18"/>
        <v/>
      </c>
      <c r="L598" s="162" t="str">
        <f t="shared" si="19"/>
        <v/>
      </c>
    </row>
    <row r="599" spans="11:12" x14ac:dyDescent="0.2">
      <c r="K599" s="157" t="str">
        <f t="shared" si="18"/>
        <v/>
      </c>
      <c r="L599" s="162" t="str">
        <f t="shared" si="19"/>
        <v/>
      </c>
    </row>
    <row r="600" spans="11:12" x14ac:dyDescent="0.2">
      <c r="K600" s="157" t="str">
        <f t="shared" si="18"/>
        <v/>
      </c>
      <c r="L600" s="162" t="str">
        <f t="shared" si="19"/>
        <v/>
      </c>
    </row>
    <row r="601" spans="11:12" x14ac:dyDescent="0.2">
      <c r="K601" s="157" t="str">
        <f t="shared" si="18"/>
        <v/>
      </c>
      <c r="L601" s="162" t="str">
        <f t="shared" si="19"/>
        <v/>
      </c>
    </row>
    <row r="602" spans="11:12" x14ac:dyDescent="0.2">
      <c r="K602" s="157" t="str">
        <f t="shared" si="18"/>
        <v/>
      </c>
      <c r="L602" s="162" t="str">
        <f t="shared" si="19"/>
        <v/>
      </c>
    </row>
    <row r="603" spans="11:12" x14ac:dyDescent="0.2">
      <c r="K603" s="157" t="str">
        <f t="shared" si="18"/>
        <v/>
      </c>
      <c r="L603" s="162" t="str">
        <f t="shared" si="19"/>
        <v/>
      </c>
    </row>
    <row r="604" spans="11:12" x14ac:dyDescent="0.2">
      <c r="K604" s="157" t="str">
        <f t="shared" si="18"/>
        <v/>
      </c>
      <c r="L604" s="162" t="str">
        <f t="shared" si="19"/>
        <v/>
      </c>
    </row>
    <row r="605" spans="11:12" x14ac:dyDescent="0.2">
      <c r="K605" s="157" t="str">
        <f t="shared" si="18"/>
        <v/>
      </c>
      <c r="L605" s="162" t="str">
        <f t="shared" si="19"/>
        <v/>
      </c>
    </row>
    <row r="606" spans="11:12" x14ac:dyDescent="0.2">
      <c r="K606" s="157" t="str">
        <f t="shared" si="18"/>
        <v/>
      </c>
      <c r="L606" s="162" t="str">
        <f t="shared" si="19"/>
        <v/>
      </c>
    </row>
    <row r="607" spans="11:12" x14ac:dyDescent="0.2">
      <c r="K607" s="157" t="str">
        <f t="shared" si="18"/>
        <v/>
      </c>
      <c r="L607" s="162" t="str">
        <f t="shared" si="19"/>
        <v/>
      </c>
    </row>
    <row r="608" spans="11:12" x14ac:dyDescent="0.2">
      <c r="K608" s="157" t="str">
        <f t="shared" si="18"/>
        <v/>
      </c>
      <c r="L608" s="162" t="str">
        <f t="shared" si="19"/>
        <v/>
      </c>
    </row>
    <row r="609" spans="11:12" x14ac:dyDescent="0.2">
      <c r="K609" s="157" t="str">
        <f t="shared" si="18"/>
        <v/>
      </c>
      <c r="L609" s="162" t="str">
        <f t="shared" si="19"/>
        <v/>
      </c>
    </row>
    <row r="610" spans="11:12" x14ac:dyDescent="0.2">
      <c r="K610" s="157" t="str">
        <f t="shared" si="18"/>
        <v/>
      </c>
      <c r="L610" s="162" t="str">
        <f t="shared" si="19"/>
        <v/>
      </c>
    </row>
    <row r="611" spans="11:12" x14ac:dyDescent="0.2">
      <c r="K611" s="157" t="str">
        <f t="shared" si="18"/>
        <v/>
      </c>
      <c r="L611" s="162" t="str">
        <f t="shared" si="19"/>
        <v/>
      </c>
    </row>
    <row r="612" spans="11:12" x14ac:dyDescent="0.2">
      <c r="K612" s="157" t="str">
        <f t="shared" si="18"/>
        <v/>
      </c>
      <c r="L612" s="162" t="str">
        <f t="shared" si="19"/>
        <v/>
      </c>
    </row>
    <row r="613" spans="11:12" x14ac:dyDescent="0.2">
      <c r="K613" s="157" t="str">
        <f t="shared" si="18"/>
        <v/>
      </c>
      <c r="L613" s="162" t="str">
        <f t="shared" si="19"/>
        <v/>
      </c>
    </row>
    <row r="614" spans="11:12" x14ac:dyDescent="0.2">
      <c r="K614" s="157" t="str">
        <f t="shared" si="18"/>
        <v/>
      </c>
      <c r="L614" s="162" t="str">
        <f t="shared" si="19"/>
        <v/>
      </c>
    </row>
    <row r="615" spans="11:12" x14ac:dyDescent="0.2">
      <c r="K615" s="157" t="str">
        <f t="shared" si="18"/>
        <v/>
      </c>
      <c r="L615" s="162" t="str">
        <f t="shared" si="19"/>
        <v/>
      </c>
    </row>
    <row r="616" spans="11:12" x14ac:dyDescent="0.2">
      <c r="K616" s="157" t="str">
        <f t="shared" si="18"/>
        <v/>
      </c>
      <c r="L616" s="162" t="str">
        <f t="shared" si="19"/>
        <v/>
      </c>
    </row>
    <row r="617" spans="11:12" x14ac:dyDescent="0.2">
      <c r="K617" s="157" t="str">
        <f t="shared" si="18"/>
        <v/>
      </c>
      <c r="L617" s="162" t="str">
        <f t="shared" si="19"/>
        <v/>
      </c>
    </row>
    <row r="618" spans="11:12" x14ac:dyDescent="0.2">
      <c r="K618" s="157" t="str">
        <f t="shared" si="18"/>
        <v/>
      </c>
      <c r="L618" s="162" t="str">
        <f t="shared" si="19"/>
        <v/>
      </c>
    </row>
    <row r="619" spans="11:12" x14ac:dyDescent="0.2">
      <c r="K619" s="157" t="str">
        <f t="shared" si="18"/>
        <v/>
      </c>
      <c r="L619" s="162" t="str">
        <f t="shared" si="19"/>
        <v/>
      </c>
    </row>
    <row r="620" spans="11:12" x14ac:dyDescent="0.2">
      <c r="K620" s="157" t="str">
        <f t="shared" si="18"/>
        <v/>
      </c>
      <c r="L620" s="162" t="str">
        <f t="shared" si="19"/>
        <v/>
      </c>
    </row>
    <row r="621" spans="11:12" x14ac:dyDescent="0.2">
      <c r="K621" s="157" t="str">
        <f t="shared" si="18"/>
        <v/>
      </c>
      <c r="L621" s="162" t="str">
        <f t="shared" si="19"/>
        <v/>
      </c>
    </row>
    <row r="622" spans="11:12" x14ac:dyDescent="0.2">
      <c r="K622" s="157" t="str">
        <f t="shared" si="18"/>
        <v/>
      </c>
      <c r="L622" s="162" t="str">
        <f t="shared" si="19"/>
        <v/>
      </c>
    </row>
    <row r="623" spans="11:12" x14ac:dyDescent="0.2">
      <c r="K623" s="157" t="str">
        <f t="shared" si="18"/>
        <v/>
      </c>
      <c r="L623" s="162" t="str">
        <f t="shared" si="19"/>
        <v/>
      </c>
    </row>
    <row r="624" spans="11:12" x14ac:dyDescent="0.2">
      <c r="K624" s="157" t="str">
        <f t="shared" si="18"/>
        <v/>
      </c>
      <c r="L624" s="162" t="str">
        <f t="shared" si="19"/>
        <v/>
      </c>
    </row>
    <row r="625" spans="11:12" x14ac:dyDescent="0.2">
      <c r="K625" s="157" t="str">
        <f t="shared" si="18"/>
        <v/>
      </c>
      <c r="L625" s="162" t="str">
        <f t="shared" si="19"/>
        <v/>
      </c>
    </row>
    <row r="626" spans="11:12" x14ac:dyDescent="0.2">
      <c r="K626" s="157" t="str">
        <f t="shared" si="18"/>
        <v/>
      </c>
      <c r="L626" s="162" t="str">
        <f t="shared" si="19"/>
        <v/>
      </c>
    </row>
    <row r="627" spans="11:12" x14ac:dyDescent="0.2">
      <c r="K627" s="157" t="str">
        <f t="shared" si="18"/>
        <v/>
      </c>
      <c r="L627" s="162" t="str">
        <f t="shared" si="19"/>
        <v/>
      </c>
    </row>
    <row r="628" spans="11:12" x14ac:dyDescent="0.2">
      <c r="K628" s="157" t="str">
        <f t="shared" si="18"/>
        <v/>
      </c>
      <c r="L628" s="162" t="str">
        <f t="shared" si="19"/>
        <v/>
      </c>
    </row>
    <row r="629" spans="11:12" x14ac:dyDescent="0.2">
      <c r="K629" s="157" t="str">
        <f t="shared" si="18"/>
        <v/>
      </c>
      <c r="L629" s="162" t="str">
        <f t="shared" si="19"/>
        <v/>
      </c>
    </row>
    <row r="630" spans="11:12" x14ac:dyDescent="0.2">
      <c r="K630" s="157" t="str">
        <f t="shared" si="18"/>
        <v/>
      </c>
      <c r="L630" s="162" t="str">
        <f t="shared" si="19"/>
        <v/>
      </c>
    </row>
    <row r="631" spans="11:12" x14ac:dyDescent="0.2">
      <c r="K631" s="157" t="str">
        <f t="shared" si="18"/>
        <v/>
      </c>
      <c r="L631" s="162" t="str">
        <f t="shared" si="19"/>
        <v/>
      </c>
    </row>
    <row r="632" spans="11:12" x14ac:dyDescent="0.2">
      <c r="K632" s="157" t="str">
        <f t="shared" si="18"/>
        <v/>
      </c>
      <c r="L632" s="162" t="str">
        <f t="shared" si="19"/>
        <v/>
      </c>
    </row>
    <row r="633" spans="11:12" x14ac:dyDescent="0.2">
      <c r="K633" s="157" t="str">
        <f t="shared" si="18"/>
        <v/>
      </c>
      <c r="L633" s="162" t="str">
        <f t="shared" si="19"/>
        <v/>
      </c>
    </row>
    <row r="634" spans="11:12" x14ac:dyDescent="0.2">
      <c r="K634" s="157" t="str">
        <f t="shared" si="18"/>
        <v/>
      </c>
      <c r="L634" s="162" t="str">
        <f t="shared" si="19"/>
        <v/>
      </c>
    </row>
    <row r="635" spans="11:12" x14ac:dyDescent="0.2">
      <c r="K635" s="157" t="str">
        <f t="shared" si="18"/>
        <v/>
      </c>
      <c r="L635" s="162" t="str">
        <f t="shared" si="19"/>
        <v/>
      </c>
    </row>
    <row r="636" spans="11:12" x14ac:dyDescent="0.2">
      <c r="K636" s="157" t="str">
        <f t="shared" si="18"/>
        <v/>
      </c>
      <c r="L636" s="162" t="str">
        <f t="shared" si="19"/>
        <v/>
      </c>
    </row>
    <row r="637" spans="11:12" x14ac:dyDescent="0.2">
      <c r="K637" s="157" t="str">
        <f t="shared" si="18"/>
        <v/>
      </c>
      <c r="L637" s="162" t="str">
        <f t="shared" si="19"/>
        <v/>
      </c>
    </row>
    <row r="638" spans="11:12" x14ac:dyDescent="0.2">
      <c r="K638" s="157" t="str">
        <f t="shared" si="18"/>
        <v/>
      </c>
      <c r="L638" s="162" t="str">
        <f t="shared" si="19"/>
        <v/>
      </c>
    </row>
    <row r="639" spans="11:12" x14ac:dyDescent="0.2">
      <c r="K639" s="157" t="str">
        <f t="shared" si="18"/>
        <v/>
      </c>
      <c r="L639" s="162" t="str">
        <f t="shared" si="19"/>
        <v/>
      </c>
    </row>
    <row r="640" spans="11:12" x14ac:dyDescent="0.2">
      <c r="K640" s="157" t="str">
        <f t="shared" si="18"/>
        <v/>
      </c>
      <c r="L640" s="162" t="str">
        <f t="shared" si="19"/>
        <v/>
      </c>
    </row>
    <row r="641" spans="11:12" x14ac:dyDescent="0.2">
      <c r="K641" s="157" t="str">
        <f t="shared" si="18"/>
        <v/>
      </c>
      <c r="L641" s="162" t="str">
        <f t="shared" si="19"/>
        <v/>
      </c>
    </row>
    <row r="642" spans="11:12" x14ac:dyDescent="0.2">
      <c r="K642" s="157" t="str">
        <f t="shared" si="18"/>
        <v/>
      </c>
      <c r="L642" s="162" t="str">
        <f t="shared" si="19"/>
        <v/>
      </c>
    </row>
    <row r="643" spans="11:12" x14ac:dyDescent="0.2">
      <c r="K643" s="157" t="str">
        <f t="shared" si="18"/>
        <v/>
      </c>
      <c r="L643" s="162" t="str">
        <f t="shared" si="19"/>
        <v/>
      </c>
    </row>
    <row r="644" spans="11:12" x14ac:dyDescent="0.2">
      <c r="K644" s="157" t="str">
        <f t="shared" si="18"/>
        <v/>
      </c>
      <c r="L644" s="162" t="str">
        <f t="shared" si="19"/>
        <v/>
      </c>
    </row>
    <row r="645" spans="11:12" x14ac:dyDescent="0.2">
      <c r="K645" s="157" t="str">
        <f t="shared" ref="K645:K708" si="20">M645&amp;O645</f>
        <v/>
      </c>
      <c r="L645" s="162" t="str">
        <f t="shared" ref="L645:L708" si="21">M645&amp;O645&amp;(IF(M645&lt;&gt;"", RIGHT(M645,1),""))</f>
        <v/>
      </c>
    </row>
    <row r="646" spans="11:12" x14ac:dyDescent="0.2">
      <c r="K646" s="157" t="str">
        <f t="shared" si="20"/>
        <v/>
      </c>
      <c r="L646" s="162" t="str">
        <f t="shared" si="21"/>
        <v/>
      </c>
    </row>
    <row r="647" spans="11:12" x14ac:dyDescent="0.2">
      <c r="K647" s="157" t="str">
        <f t="shared" si="20"/>
        <v/>
      </c>
      <c r="L647" s="162" t="str">
        <f t="shared" si="21"/>
        <v/>
      </c>
    </row>
    <row r="648" spans="11:12" x14ac:dyDescent="0.2">
      <c r="K648" s="157" t="str">
        <f t="shared" si="20"/>
        <v/>
      </c>
      <c r="L648" s="162" t="str">
        <f t="shared" si="21"/>
        <v/>
      </c>
    </row>
    <row r="649" spans="11:12" x14ac:dyDescent="0.2">
      <c r="K649" s="157" t="str">
        <f t="shared" si="20"/>
        <v/>
      </c>
      <c r="L649" s="162" t="str">
        <f t="shared" si="21"/>
        <v/>
      </c>
    </row>
    <row r="650" spans="11:12" x14ac:dyDescent="0.2">
      <c r="K650" s="157" t="str">
        <f t="shared" si="20"/>
        <v/>
      </c>
      <c r="L650" s="162" t="str">
        <f t="shared" si="21"/>
        <v/>
      </c>
    </row>
    <row r="651" spans="11:12" x14ac:dyDescent="0.2">
      <c r="K651" s="157" t="str">
        <f t="shared" si="20"/>
        <v/>
      </c>
      <c r="L651" s="162" t="str">
        <f t="shared" si="21"/>
        <v/>
      </c>
    </row>
    <row r="652" spans="11:12" x14ac:dyDescent="0.2">
      <c r="K652" s="157" t="str">
        <f t="shared" si="20"/>
        <v/>
      </c>
      <c r="L652" s="162" t="str">
        <f t="shared" si="21"/>
        <v/>
      </c>
    </row>
    <row r="653" spans="11:12" x14ac:dyDescent="0.2">
      <c r="K653" s="157" t="str">
        <f t="shared" si="20"/>
        <v/>
      </c>
      <c r="L653" s="162" t="str">
        <f t="shared" si="21"/>
        <v/>
      </c>
    </row>
    <row r="654" spans="11:12" x14ac:dyDescent="0.2">
      <c r="K654" s="157" t="str">
        <f t="shared" si="20"/>
        <v/>
      </c>
      <c r="L654" s="162" t="str">
        <f t="shared" si="21"/>
        <v/>
      </c>
    </row>
    <row r="655" spans="11:12" x14ac:dyDescent="0.2">
      <c r="K655" s="157" t="str">
        <f t="shared" si="20"/>
        <v/>
      </c>
      <c r="L655" s="162" t="str">
        <f t="shared" si="21"/>
        <v/>
      </c>
    </row>
    <row r="656" spans="11:12" x14ac:dyDescent="0.2">
      <c r="K656" s="157" t="str">
        <f t="shared" si="20"/>
        <v/>
      </c>
      <c r="L656" s="162" t="str">
        <f t="shared" si="21"/>
        <v/>
      </c>
    </row>
    <row r="657" spans="11:12" x14ac:dyDescent="0.2">
      <c r="K657" s="157" t="str">
        <f t="shared" si="20"/>
        <v/>
      </c>
      <c r="L657" s="162" t="str">
        <f t="shared" si="21"/>
        <v/>
      </c>
    </row>
    <row r="658" spans="11:12" x14ac:dyDescent="0.2">
      <c r="K658" s="157" t="str">
        <f t="shared" si="20"/>
        <v/>
      </c>
      <c r="L658" s="162" t="str">
        <f t="shared" si="21"/>
        <v/>
      </c>
    </row>
    <row r="659" spans="11:12" x14ac:dyDescent="0.2">
      <c r="K659" s="157" t="str">
        <f t="shared" si="20"/>
        <v/>
      </c>
      <c r="L659" s="162" t="str">
        <f t="shared" si="21"/>
        <v/>
      </c>
    </row>
    <row r="660" spans="11:12" x14ac:dyDescent="0.2">
      <c r="K660" s="157" t="str">
        <f t="shared" si="20"/>
        <v/>
      </c>
      <c r="L660" s="162" t="str">
        <f t="shared" si="21"/>
        <v/>
      </c>
    </row>
    <row r="661" spans="11:12" x14ac:dyDescent="0.2">
      <c r="K661" s="157" t="str">
        <f t="shared" si="20"/>
        <v/>
      </c>
      <c r="L661" s="162" t="str">
        <f t="shared" si="21"/>
        <v/>
      </c>
    </row>
    <row r="662" spans="11:12" x14ac:dyDescent="0.2">
      <c r="K662" s="157" t="str">
        <f t="shared" si="20"/>
        <v/>
      </c>
      <c r="L662" s="162" t="str">
        <f t="shared" si="21"/>
        <v/>
      </c>
    </row>
    <row r="663" spans="11:12" x14ac:dyDescent="0.2">
      <c r="K663" s="157" t="str">
        <f t="shared" si="20"/>
        <v/>
      </c>
      <c r="L663" s="162" t="str">
        <f t="shared" si="21"/>
        <v/>
      </c>
    </row>
    <row r="664" spans="11:12" x14ac:dyDescent="0.2">
      <c r="K664" s="157" t="str">
        <f t="shared" si="20"/>
        <v/>
      </c>
      <c r="L664" s="162" t="str">
        <f t="shared" si="21"/>
        <v/>
      </c>
    </row>
    <row r="665" spans="11:12" x14ac:dyDescent="0.2">
      <c r="K665" s="157" t="str">
        <f t="shared" si="20"/>
        <v/>
      </c>
      <c r="L665" s="162" t="str">
        <f t="shared" si="21"/>
        <v/>
      </c>
    </row>
    <row r="666" spans="11:12" x14ac:dyDescent="0.2">
      <c r="K666" s="157" t="str">
        <f t="shared" si="20"/>
        <v/>
      </c>
      <c r="L666" s="162" t="str">
        <f t="shared" si="21"/>
        <v/>
      </c>
    </row>
    <row r="667" spans="11:12" x14ac:dyDescent="0.2">
      <c r="K667" s="157" t="str">
        <f t="shared" si="20"/>
        <v/>
      </c>
      <c r="L667" s="162" t="str">
        <f t="shared" si="21"/>
        <v/>
      </c>
    </row>
    <row r="668" spans="11:12" x14ac:dyDescent="0.2">
      <c r="K668" s="157" t="str">
        <f t="shared" si="20"/>
        <v/>
      </c>
      <c r="L668" s="162" t="str">
        <f t="shared" si="21"/>
        <v/>
      </c>
    </row>
    <row r="669" spans="11:12" x14ac:dyDescent="0.2">
      <c r="K669" s="157" t="str">
        <f t="shared" si="20"/>
        <v/>
      </c>
      <c r="L669" s="162" t="str">
        <f t="shared" si="21"/>
        <v/>
      </c>
    </row>
    <row r="670" spans="11:12" x14ac:dyDescent="0.2">
      <c r="K670" s="157" t="str">
        <f t="shared" si="20"/>
        <v/>
      </c>
      <c r="L670" s="162" t="str">
        <f t="shared" si="21"/>
        <v/>
      </c>
    </row>
    <row r="671" spans="11:12" x14ac:dyDescent="0.2">
      <c r="K671" s="157" t="str">
        <f t="shared" si="20"/>
        <v/>
      </c>
      <c r="L671" s="162" t="str">
        <f t="shared" si="21"/>
        <v/>
      </c>
    </row>
    <row r="672" spans="11:12" x14ac:dyDescent="0.2">
      <c r="K672" s="157" t="str">
        <f t="shared" si="20"/>
        <v/>
      </c>
      <c r="L672" s="162" t="str">
        <f t="shared" si="21"/>
        <v/>
      </c>
    </row>
    <row r="673" spans="11:12" x14ac:dyDescent="0.2">
      <c r="K673" s="157" t="str">
        <f t="shared" si="20"/>
        <v/>
      </c>
      <c r="L673" s="162" t="str">
        <f t="shared" si="21"/>
        <v/>
      </c>
    </row>
    <row r="674" spans="11:12" x14ac:dyDescent="0.2">
      <c r="K674" s="157" t="str">
        <f t="shared" si="20"/>
        <v/>
      </c>
      <c r="L674" s="162" t="str">
        <f t="shared" si="21"/>
        <v/>
      </c>
    </row>
    <row r="675" spans="11:12" x14ac:dyDescent="0.2">
      <c r="K675" s="157" t="str">
        <f t="shared" si="20"/>
        <v/>
      </c>
      <c r="L675" s="162" t="str">
        <f t="shared" si="21"/>
        <v/>
      </c>
    </row>
    <row r="676" spans="11:12" x14ac:dyDescent="0.2">
      <c r="K676" s="157" t="str">
        <f t="shared" si="20"/>
        <v/>
      </c>
      <c r="L676" s="162" t="str">
        <f t="shared" si="21"/>
        <v/>
      </c>
    </row>
    <row r="677" spans="11:12" x14ac:dyDescent="0.2">
      <c r="K677" s="157" t="str">
        <f t="shared" si="20"/>
        <v/>
      </c>
      <c r="L677" s="162" t="str">
        <f t="shared" si="21"/>
        <v/>
      </c>
    </row>
    <row r="678" spans="11:12" x14ac:dyDescent="0.2">
      <c r="K678" s="157" t="str">
        <f t="shared" si="20"/>
        <v/>
      </c>
      <c r="L678" s="162" t="str">
        <f t="shared" si="21"/>
        <v/>
      </c>
    </row>
    <row r="679" spans="11:12" x14ac:dyDescent="0.2">
      <c r="K679" s="157" t="str">
        <f t="shared" si="20"/>
        <v/>
      </c>
      <c r="L679" s="162" t="str">
        <f t="shared" si="21"/>
        <v/>
      </c>
    </row>
    <row r="680" spans="11:12" x14ac:dyDescent="0.2">
      <c r="K680" s="157" t="str">
        <f t="shared" si="20"/>
        <v/>
      </c>
      <c r="L680" s="162" t="str">
        <f t="shared" si="21"/>
        <v/>
      </c>
    </row>
    <row r="681" spans="11:12" x14ac:dyDescent="0.2">
      <c r="K681" s="157" t="str">
        <f t="shared" si="20"/>
        <v/>
      </c>
      <c r="L681" s="162" t="str">
        <f t="shared" si="21"/>
        <v/>
      </c>
    </row>
    <row r="682" spans="11:12" x14ac:dyDescent="0.2">
      <c r="K682" s="157" t="str">
        <f t="shared" si="20"/>
        <v/>
      </c>
      <c r="L682" s="162" t="str">
        <f t="shared" si="21"/>
        <v/>
      </c>
    </row>
    <row r="683" spans="11:12" x14ac:dyDescent="0.2">
      <c r="K683" s="157" t="str">
        <f t="shared" si="20"/>
        <v/>
      </c>
      <c r="L683" s="162" t="str">
        <f t="shared" si="21"/>
        <v/>
      </c>
    </row>
    <row r="684" spans="11:12" x14ac:dyDescent="0.2">
      <c r="K684" s="157" t="str">
        <f t="shared" si="20"/>
        <v/>
      </c>
      <c r="L684" s="162" t="str">
        <f t="shared" si="21"/>
        <v/>
      </c>
    </row>
    <row r="685" spans="11:12" x14ac:dyDescent="0.2">
      <c r="K685" s="157" t="str">
        <f t="shared" si="20"/>
        <v/>
      </c>
      <c r="L685" s="162" t="str">
        <f t="shared" si="21"/>
        <v/>
      </c>
    </row>
    <row r="686" spans="11:12" x14ac:dyDescent="0.2">
      <c r="K686" s="157" t="str">
        <f t="shared" si="20"/>
        <v/>
      </c>
      <c r="L686" s="162" t="str">
        <f t="shared" si="21"/>
        <v/>
      </c>
    </row>
    <row r="687" spans="11:12" x14ac:dyDescent="0.2">
      <c r="K687" s="157" t="str">
        <f t="shared" si="20"/>
        <v/>
      </c>
      <c r="L687" s="162" t="str">
        <f t="shared" si="21"/>
        <v/>
      </c>
    </row>
    <row r="688" spans="11:12" x14ac:dyDescent="0.2">
      <c r="K688" s="157" t="str">
        <f t="shared" si="20"/>
        <v/>
      </c>
      <c r="L688" s="162" t="str">
        <f t="shared" si="21"/>
        <v/>
      </c>
    </row>
    <row r="689" spans="11:12" x14ac:dyDescent="0.2">
      <c r="K689" s="157" t="str">
        <f t="shared" si="20"/>
        <v/>
      </c>
      <c r="L689" s="162" t="str">
        <f t="shared" si="21"/>
        <v/>
      </c>
    </row>
    <row r="690" spans="11:12" x14ac:dyDescent="0.2">
      <c r="K690" s="157" t="str">
        <f t="shared" si="20"/>
        <v/>
      </c>
      <c r="L690" s="162" t="str">
        <f t="shared" si="21"/>
        <v/>
      </c>
    </row>
    <row r="691" spans="11:12" x14ac:dyDescent="0.2">
      <c r="K691" s="157" t="str">
        <f t="shared" si="20"/>
        <v/>
      </c>
      <c r="L691" s="162" t="str">
        <f t="shared" si="21"/>
        <v/>
      </c>
    </row>
    <row r="692" spans="11:12" x14ac:dyDescent="0.2">
      <c r="K692" s="157" t="str">
        <f t="shared" si="20"/>
        <v/>
      </c>
      <c r="L692" s="162" t="str">
        <f t="shared" si="21"/>
        <v/>
      </c>
    </row>
    <row r="693" spans="11:12" x14ac:dyDescent="0.2">
      <c r="K693" s="157" t="str">
        <f t="shared" si="20"/>
        <v/>
      </c>
      <c r="L693" s="162" t="str">
        <f t="shared" si="21"/>
        <v/>
      </c>
    </row>
    <row r="694" spans="11:12" x14ac:dyDescent="0.2">
      <c r="K694" s="157" t="str">
        <f t="shared" si="20"/>
        <v/>
      </c>
      <c r="L694" s="162" t="str">
        <f t="shared" si="21"/>
        <v/>
      </c>
    </row>
    <row r="695" spans="11:12" x14ac:dyDescent="0.2">
      <c r="K695" s="157" t="str">
        <f t="shared" si="20"/>
        <v/>
      </c>
      <c r="L695" s="162" t="str">
        <f t="shared" si="21"/>
        <v/>
      </c>
    </row>
    <row r="696" spans="11:12" x14ac:dyDescent="0.2">
      <c r="K696" s="157" t="str">
        <f t="shared" si="20"/>
        <v/>
      </c>
      <c r="L696" s="162" t="str">
        <f t="shared" si="21"/>
        <v/>
      </c>
    </row>
    <row r="697" spans="11:12" x14ac:dyDescent="0.2">
      <c r="K697" s="157" t="str">
        <f t="shared" si="20"/>
        <v/>
      </c>
      <c r="L697" s="162" t="str">
        <f t="shared" si="21"/>
        <v/>
      </c>
    </row>
    <row r="698" spans="11:12" x14ac:dyDescent="0.2">
      <c r="K698" s="157" t="str">
        <f t="shared" si="20"/>
        <v/>
      </c>
      <c r="L698" s="162" t="str">
        <f t="shared" si="21"/>
        <v/>
      </c>
    </row>
    <row r="699" spans="11:12" x14ac:dyDescent="0.2">
      <c r="K699" s="157" t="str">
        <f t="shared" si="20"/>
        <v/>
      </c>
      <c r="L699" s="162" t="str">
        <f t="shared" si="21"/>
        <v/>
      </c>
    </row>
    <row r="700" spans="11:12" x14ac:dyDescent="0.2">
      <c r="K700" s="157" t="str">
        <f t="shared" si="20"/>
        <v/>
      </c>
      <c r="L700" s="162" t="str">
        <f t="shared" si="21"/>
        <v/>
      </c>
    </row>
    <row r="701" spans="11:12" x14ac:dyDescent="0.2">
      <c r="K701" s="157" t="str">
        <f t="shared" si="20"/>
        <v/>
      </c>
      <c r="L701" s="162" t="str">
        <f t="shared" si="21"/>
        <v/>
      </c>
    </row>
    <row r="702" spans="11:12" x14ac:dyDescent="0.2">
      <c r="K702" s="157" t="str">
        <f t="shared" si="20"/>
        <v/>
      </c>
      <c r="L702" s="162" t="str">
        <f t="shared" si="21"/>
        <v/>
      </c>
    </row>
    <row r="703" spans="11:12" x14ac:dyDescent="0.2">
      <c r="K703" s="157" t="str">
        <f t="shared" si="20"/>
        <v/>
      </c>
      <c r="L703" s="162" t="str">
        <f t="shared" si="21"/>
        <v/>
      </c>
    </row>
    <row r="704" spans="11:12" x14ac:dyDescent="0.2">
      <c r="K704" s="157" t="str">
        <f t="shared" si="20"/>
        <v/>
      </c>
      <c r="L704" s="162" t="str">
        <f t="shared" si="21"/>
        <v/>
      </c>
    </row>
    <row r="705" spans="11:12" x14ac:dyDescent="0.2">
      <c r="K705" s="157" t="str">
        <f t="shared" si="20"/>
        <v/>
      </c>
      <c r="L705" s="162" t="str">
        <f t="shared" si="21"/>
        <v/>
      </c>
    </row>
    <row r="706" spans="11:12" x14ac:dyDescent="0.2">
      <c r="K706" s="157" t="str">
        <f t="shared" si="20"/>
        <v/>
      </c>
      <c r="L706" s="162" t="str">
        <f t="shared" si="21"/>
        <v/>
      </c>
    </row>
    <row r="707" spans="11:12" x14ac:dyDescent="0.2">
      <c r="K707" s="157" t="str">
        <f t="shared" si="20"/>
        <v/>
      </c>
      <c r="L707" s="162" t="str">
        <f t="shared" si="21"/>
        <v/>
      </c>
    </row>
    <row r="708" spans="11:12" x14ac:dyDescent="0.2">
      <c r="K708" s="157" t="str">
        <f t="shared" si="20"/>
        <v/>
      </c>
      <c r="L708" s="162" t="str">
        <f t="shared" si="21"/>
        <v/>
      </c>
    </row>
    <row r="709" spans="11:12" x14ac:dyDescent="0.2">
      <c r="K709" s="157" t="str">
        <f t="shared" ref="K709:K772" si="22">M709&amp;O709</f>
        <v/>
      </c>
      <c r="L709" s="162" t="str">
        <f t="shared" ref="L709:L772" si="23">M709&amp;O709&amp;(IF(M709&lt;&gt;"", RIGHT(M709,1),""))</f>
        <v/>
      </c>
    </row>
    <row r="710" spans="11:12" x14ac:dyDescent="0.2">
      <c r="K710" s="157" t="str">
        <f t="shared" si="22"/>
        <v/>
      </c>
      <c r="L710" s="162" t="str">
        <f t="shared" si="23"/>
        <v/>
      </c>
    </row>
    <row r="711" spans="11:12" x14ac:dyDescent="0.2">
      <c r="K711" s="157" t="str">
        <f t="shared" si="22"/>
        <v/>
      </c>
      <c r="L711" s="162" t="str">
        <f t="shared" si="23"/>
        <v/>
      </c>
    </row>
    <row r="712" spans="11:12" x14ac:dyDescent="0.2">
      <c r="K712" s="157" t="str">
        <f t="shared" si="22"/>
        <v/>
      </c>
      <c r="L712" s="162" t="str">
        <f t="shared" si="23"/>
        <v/>
      </c>
    </row>
    <row r="713" spans="11:12" x14ac:dyDescent="0.2">
      <c r="K713" s="157" t="str">
        <f t="shared" si="22"/>
        <v/>
      </c>
      <c r="L713" s="162" t="str">
        <f t="shared" si="23"/>
        <v/>
      </c>
    </row>
    <row r="714" spans="11:12" x14ac:dyDescent="0.2">
      <c r="K714" s="157" t="str">
        <f t="shared" si="22"/>
        <v/>
      </c>
      <c r="L714" s="162" t="str">
        <f t="shared" si="23"/>
        <v/>
      </c>
    </row>
    <row r="715" spans="11:12" x14ac:dyDescent="0.2">
      <c r="K715" s="157" t="str">
        <f t="shared" si="22"/>
        <v/>
      </c>
      <c r="L715" s="162" t="str">
        <f t="shared" si="23"/>
        <v/>
      </c>
    </row>
    <row r="716" spans="11:12" x14ac:dyDescent="0.2">
      <c r="K716" s="157" t="str">
        <f t="shared" si="22"/>
        <v/>
      </c>
      <c r="L716" s="162" t="str">
        <f t="shared" si="23"/>
        <v/>
      </c>
    </row>
    <row r="717" spans="11:12" x14ac:dyDescent="0.2">
      <c r="K717" s="157" t="str">
        <f t="shared" si="22"/>
        <v/>
      </c>
      <c r="L717" s="162" t="str">
        <f t="shared" si="23"/>
        <v/>
      </c>
    </row>
    <row r="718" spans="11:12" x14ac:dyDescent="0.2">
      <c r="K718" s="157" t="str">
        <f t="shared" si="22"/>
        <v/>
      </c>
      <c r="L718" s="162" t="str">
        <f t="shared" si="23"/>
        <v/>
      </c>
    </row>
    <row r="719" spans="11:12" x14ac:dyDescent="0.2">
      <c r="K719" s="157" t="str">
        <f t="shared" si="22"/>
        <v/>
      </c>
      <c r="L719" s="162" t="str">
        <f t="shared" si="23"/>
        <v/>
      </c>
    </row>
    <row r="720" spans="11:12" x14ac:dyDescent="0.2">
      <c r="K720" s="157" t="str">
        <f t="shared" si="22"/>
        <v/>
      </c>
      <c r="L720" s="162" t="str">
        <f t="shared" si="23"/>
        <v/>
      </c>
    </row>
    <row r="721" spans="11:12" x14ac:dyDescent="0.2">
      <c r="K721" s="157" t="str">
        <f t="shared" si="22"/>
        <v/>
      </c>
      <c r="L721" s="162" t="str">
        <f t="shared" si="23"/>
        <v/>
      </c>
    </row>
    <row r="722" spans="11:12" x14ac:dyDescent="0.2">
      <c r="K722" s="157" t="str">
        <f t="shared" si="22"/>
        <v/>
      </c>
      <c r="L722" s="162" t="str">
        <f t="shared" si="23"/>
        <v/>
      </c>
    </row>
    <row r="723" spans="11:12" x14ac:dyDescent="0.2">
      <c r="K723" s="157" t="str">
        <f t="shared" si="22"/>
        <v/>
      </c>
      <c r="L723" s="162" t="str">
        <f t="shared" si="23"/>
        <v/>
      </c>
    </row>
    <row r="724" spans="11:12" x14ac:dyDescent="0.2">
      <c r="K724" s="157" t="str">
        <f t="shared" si="22"/>
        <v/>
      </c>
      <c r="L724" s="162" t="str">
        <f t="shared" si="23"/>
        <v/>
      </c>
    </row>
    <row r="725" spans="11:12" x14ac:dyDescent="0.2">
      <c r="K725" s="157" t="str">
        <f t="shared" si="22"/>
        <v/>
      </c>
      <c r="L725" s="162" t="str">
        <f t="shared" si="23"/>
        <v/>
      </c>
    </row>
    <row r="726" spans="11:12" x14ac:dyDescent="0.2">
      <c r="K726" s="157" t="str">
        <f t="shared" si="22"/>
        <v/>
      </c>
      <c r="L726" s="162" t="str">
        <f t="shared" si="23"/>
        <v/>
      </c>
    </row>
    <row r="727" spans="11:12" x14ac:dyDescent="0.2">
      <c r="K727" s="157" t="str">
        <f t="shared" si="22"/>
        <v/>
      </c>
      <c r="L727" s="162" t="str">
        <f t="shared" si="23"/>
        <v/>
      </c>
    </row>
    <row r="728" spans="11:12" x14ac:dyDescent="0.2">
      <c r="K728" s="157" t="str">
        <f t="shared" si="22"/>
        <v/>
      </c>
      <c r="L728" s="162" t="str">
        <f t="shared" si="23"/>
        <v/>
      </c>
    </row>
    <row r="729" spans="11:12" x14ac:dyDescent="0.2">
      <c r="K729" s="157" t="str">
        <f t="shared" si="22"/>
        <v/>
      </c>
      <c r="L729" s="162" t="str">
        <f t="shared" si="23"/>
        <v/>
      </c>
    </row>
    <row r="730" spans="11:12" x14ac:dyDescent="0.2">
      <c r="K730" s="157" t="str">
        <f t="shared" si="22"/>
        <v/>
      </c>
      <c r="L730" s="162" t="str">
        <f t="shared" si="23"/>
        <v/>
      </c>
    </row>
    <row r="731" spans="11:12" x14ac:dyDescent="0.2">
      <c r="K731" s="157" t="str">
        <f t="shared" si="22"/>
        <v/>
      </c>
      <c r="L731" s="162" t="str">
        <f t="shared" si="23"/>
        <v/>
      </c>
    </row>
    <row r="732" spans="11:12" x14ac:dyDescent="0.2">
      <c r="K732" s="157" t="str">
        <f t="shared" si="22"/>
        <v/>
      </c>
      <c r="L732" s="162" t="str">
        <f t="shared" si="23"/>
        <v/>
      </c>
    </row>
    <row r="733" spans="11:12" x14ac:dyDescent="0.2">
      <c r="K733" s="157" t="str">
        <f t="shared" si="22"/>
        <v/>
      </c>
      <c r="L733" s="162" t="str">
        <f t="shared" si="23"/>
        <v/>
      </c>
    </row>
    <row r="734" spans="11:12" x14ac:dyDescent="0.2">
      <c r="K734" s="157" t="str">
        <f t="shared" si="22"/>
        <v/>
      </c>
      <c r="L734" s="162" t="str">
        <f t="shared" si="23"/>
        <v/>
      </c>
    </row>
    <row r="735" spans="11:12" x14ac:dyDescent="0.2">
      <c r="K735" s="157" t="str">
        <f t="shared" si="22"/>
        <v/>
      </c>
      <c r="L735" s="162" t="str">
        <f t="shared" si="23"/>
        <v/>
      </c>
    </row>
    <row r="736" spans="11:12" x14ac:dyDescent="0.2">
      <c r="K736" s="157" t="str">
        <f t="shared" si="22"/>
        <v/>
      </c>
      <c r="L736" s="162" t="str">
        <f t="shared" si="23"/>
        <v/>
      </c>
    </row>
    <row r="737" spans="11:12" x14ac:dyDescent="0.2">
      <c r="K737" s="157" t="str">
        <f t="shared" si="22"/>
        <v/>
      </c>
      <c r="L737" s="162" t="str">
        <f t="shared" si="23"/>
        <v/>
      </c>
    </row>
    <row r="738" spans="11:12" x14ac:dyDescent="0.2">
      <c r="K738" s="157" t="str">
        <f t="shared" si="22"/>
        <v/>
      </c>
      <c r="L738" s="162" t="str">
        <f t="shared" si="23"/>
        <v/>
      </c>
    </row>
    <row r="739" spans="11:12" x14ac:dyDescent="0.2">
      <c r="K739" s="157" t="str">
        <f t="shared" si="22"/>
        <v/>
      </c>
      <c r="L739" s="162" t="str">
        <f t="shared" si="23"/>
        <v/>
      </c>
    </row>
    <row r="740" spans="11:12" x14ac:dyDescent="0.2">
      <c r="K740" s="157" t="str">
        <f t="shared" si="22"/>
        <v/>
      </c>
      <c r="L740" s="162" t="str">
        <f t="shared" si="23"/>
        <v/>
      </c>
    </row>
    <row r="741" spans="11:12" x14ac:dyDescent="0.2">
      <c r="K741" s="157" t="str">
        <f t="shared" si="22"/>
        <v/>
      </c>
      <c r="L741" s="162" t="str">
        <f t="shared" si="23"/>
        <v/>
      </c>
    </row>
    <row r="742" spans="11:12" x14ac:dyDescent="0.2">
      <c r="K742" s="157" t="str">
        <f t="shared" si="22"/>
        <v/>
      </c>
      <c r="L742" s="162" t="str">
        <f t="shared" si="23"/>
        <v/>
      </c>
    </row>
    <row r="743" spans="11:12" x14ac:dyDescent="0.2">
      <c r="K743" s="157" t="str">
        <f t="shared" si="22"/>
        <v/>
      </c>
      <c r="L743" s="162" t="str">
        <f t="shared" si="23"/>
        <v/>
      </c>
    </row>
    <row r="744" spans="11:12" x14ac:dyDescent="0.2">
      <c r="K744" s="157" t="str">
        <f t="shared" si="22"/>
        <v/>
      </c>
      <c r="L744" s="162" t="str">
        <f t="shared" si="23"/>
        <v/>
      </c>
    </row>
    <row r="745" spans="11:12" x14ac:dyDescent="0.2">
      <c r="K745" s="157" t="str">
        <f t="shared" si="22"/>
        <v/>
      </c>
      <c r="L745" s="162" t="str">
        <f t="shared" si="23"/>
        <v/>
      </c>
    </row>
    <row r="746" spans="11:12" x14ac:dyDescent="0.2">
      <c r="K746" s="157" t="str">
        <f t="shared" si="22"/>
        <v/>
      </c>
      <c r="L746" s="162" t="str">
        <f t="shared" si="23"/>
        <v/>
      </c>
    </row>
    <row r="747" spans="11:12" x14ac:dyDescent="0.2">
      <c r="K747" s="157" t="str">
        <f t="shared" si="22"/>
        <v/>
      </c>
      <c r="L747" s="162" t="str">
        <f t="shared" si="23"/>
        <v/>
      </c>
    </row>
    <row r="748" spans="11:12" x14ac:dyDescent="0.2">
      <c r="K748" s="157" t="str">
        <f t="shared" si="22"/>
        <v/>
      </c>
      <c r="L748" s="162" t="str">
        <f t="shared" si="23"/>
        <v/>
      </c>
    </row>
    <row r="749" spans="11:12" x14ac:dyDescent="0.2">
      <c r="K749" s="157" t="str">
        <f t="shared" si="22"/>
        <v/>
      </c>
      <c r="L749" s="162" t="str">
        <f t="shared" si="23"/>
        <v/>
      </c>
    </row>
    <row r="750" spans="11:12" x14ac:dyDescent="0.2">
      <c r="K750" s="157" t="str">
        <f t="shared" si="22"/>
        <v/>
      </c>
      <c r="L750" s="162" t="str">
        <f t="shared" si="23"/>
        <v/>
      </c>
    </row>
    <row r="751" spans="11:12" x14ac:dyDescent="0.2">
      <c r="K751" s="157" t="str">
        <f t="shared" si="22"/>
        <v/>
      </c>
      <c r="L751" s="162" t="str">
        <f t="shared" si="23"/>
        <v/>
      </c>
    </row>
    <row r="752" spans="11:12" x14ac:dyDescent="0.2">
      <c r="K752" s="157" t="str">
        <f t="shared" si="22"/>
        <v/>
      </c>
      <c r="L752" s="162" t="str">
        <f t="shared" si="23"/>
        <v/>
      </c>
    </row>
    <row r="753" spans="11:12" x14ac:dyDescent="0.2">
      <c r="K753" s="157" t="str">
        <f t="shared" si="22"/>
        <v/>
      </c>
      <c r="L753" s="162" t="str">
        <f t="shared" si="23"/>
        <v/>
      </c>
    </row>
    <row r="754" spans="11:12" x14ac:dyDescent="0.2">
      <c r="K754" s="157" t="str">
        <f t="shared" si="22"/>
        <v/>
      </c>
      <c r="L754" s="162" t="str">
        <f t="shared" si="23"/>
        <v/>
      </c>
    </row>
    <row r="755" spans="11:12" x14ac:dyDescent="0.2">
      <c r="K755" s="157" t="str">
        <f t="shared" si="22"/>
        <v/>
      </c>
      <c r="L755" s="162" t="str">
        <f t="shared" si="23"/>
        <v/>
      </c>
    </row>
    <row r="756" spans="11:12" x14ac:dyDescent="0.2">
      <c r="K756" s="157" t="str">
        <f t="shared" si="22"/>
        <v/>
      </c>
      <c r="L756" s="162" t="str">
        <f t="shared" si="23"/>
        <v/>
      </c>
    </row>
    <row r="757" spans="11:12" x14ac:dyDescent="0.2">
      <c r="K757" s="157" t="str">
        <f t="shared" si="22"/>
        <v/>
      </c>
      <c r="L757" s="162" t="str">
        <f t="shared" si="23"/>
        <v/>
      </c>
    </row>
    <row r="758" spans="11:12" x14ac:dyDescent="0.2">
      <c r="K758" s="157" t="str">
        <f t="shared" si="22"/>
        <v/>
      </c>
      <c r="L758" s="162" t="str">
        <f t="shared" si="23"/>
        <v/>
      </c>
    </row>
    <row r="759" spans="11:12" x14ac:dyDescent="0.2">
      <c r="K759" s="157" t="str">
        <f t="shared" si="22"/>
        <v/>
      </c>
      <c r="L759" s="162" t="str">
        <f t="shared" si="23"/>
        <v/>
      </c>
    </row>
    <row r="760" spans="11:12" x14ac:dyDescent="0.2">
      <c r="K760" s="157" t="str">
        <f t="shared" si="22"/>
        <v/>
      </c>
      <c r="L760" s="162" t="str">
        <f t="shared" si="23"/>
        <v/>
      </c>
    </row>
    <row r="761" spans="11:12" x14ac:dyDescent="0.2">
      <c r="K761" s="157" t="str">
        <f t="shared" si="22"/>
        <v/>
      </c>
      <c r="L761" s="162" t="str">
        <f t="shared" si="23"/>
        <v/>
      </c>
    </row>
    <row r="762" spans="11:12" x14ac:dyDescent="0.2">
      <c r="K762" s="157" t="str">
        <f t="shared" si="22"/>
        <v/>
      </c>
      <c r="L762" s="162" t="str">
        <f t="shared" si="23"/>
        <v/>
      </c>
    </row>
    <row r="763" spans="11:12" x14ac:dyDescent="0.2">
      <c r="K763" s="157" t="str">
        <f t="shared" si="22"/>
        <v/>
      </c>
      <c r="L763" s="162" t="str">
        <f t="shared" si="23"/>
        <v/>
      </c>
    </row>
    <row r="764" spans="11:12" x14ac:dyDescent="0.2">
      <c r="K764" s="157" t="str">
        <f t="shared" si="22"/>
        <v/>
      </c>
      <c r="L764" s="162" t="str">
        <f t="shared" si="23"/>
        <v/>
      </c>
    </row>
    <row r="765" spans="11:12" x14ac:dyDescent="0.2">
      <c r="K765" s="157" t="str">
        <f t="shared" si="22"/>
        <v/>
      </c>
      <c r="L765" s="162" t="str">
        <f t="shared" si="23"/>
        <v/>
      </c>
    </row>
    <row r="766" spans="11:12" x14ac:dyDescent="0.2">
      <c r="K766" s="157" t="str">
        <f t="shared" si="22"/>
        <v/>
      </c>
      <c r="L766" s="162" t="str">
        <f t="shared" si="23"/>
        <v/>
      </c>
    </row>
    <row r="767" spans="11:12" x14ac:dyDescent="0.2">
      <c r="K767" s="157" t="str">
        <f t="shared" si="22"/>
        <v/>
      </c>
      <c r="L767" s="162" t="str">
        <f t="shared" si="23"/>
        <v/>
      </c>
    </row>
    <row r="768" spans="11:12" x14ac:dyDescent="0.2">
      <c r="K768" s="157" t="str">
        <f t="shared" si="22"/>
        <v/>
      </c>
      <c r="L768" s="162" t="str">
        <f t="shared" si="23"/>
        <v/>
      </c>
    </row>
    <row r="769" spans="11:12" x14ac:dyDescent="0.2">
      <c r="K769" s="157" t="str">
        <f t="shared" si="22"/>
        <v/>
      </c>
      <c r="L769" s="162" t="str">
        <f t="shared" si="23"/>
        <v/>
      </c>
    </row>
    <row r="770" spans="11:12" x14ac:dyDescent="0.2">
      <c r="K770" s="157" t="str">
        <f t="shared" si="22"/>
        <v/>
      </c>
      <c r="L770" s="162" t="str">
        <f t="shared" si="23"/>
        <v/>
      </c>
    </row>
    <row r="771" spans="11:12" x14ac:dyDescent="0.2">
      <c r="K771" s="157" t="str">
        <f t="shared" si="22"/>
        <v/>
      </c>
      <c r="L771" s="162" t="str">
        <f t="shared" si="23"/>
        <v/>
      </c>
    </row>
    <row r="772" spans="11:12" x14ac:dyDescent="0.2">
      <c r="K772" s="157" t="str">
        <f t="shared" si="22"/>
        <v/>
      </c>
      <c r="L772" s="162" t="str">
        <f t="shared" si="23"/>
        <v/>
      </c>
    </row>
    <row r="773" spans="11:12" x14ac:dyDescent="0.2">
      <c r="K773" s="157" t="str">
        <f t="shared" ref="K773:K836" si="24">M773&amp;O773</f>
        <v/>
      </c>
      <c r="L773" s="162" t="str">
        <f t="shared" ref="L773:L836" si="25">M773&amp;O773&amp;(IF(M773&lt;&gt;"", RIGHT(M773,1),""))</f>
        <v/>
      </c>
    </row>
    <row r="774" spans="11:12" x14ac:dyDescent="0.2">
      <c r="K774" s="157" t="str">
        <f t="shared" si="24"/>
        <v/>
      </c>
      <c r="L774" s="162" t="str">
        <f t="shared" si="25"/>
        <v/>
      </c>
    </row>
    <row r="775" spans="11:12" x14ac:dyDescent="0.2">
      <c r="K775" s="157" t="str">
        <f t="shared" si="24"/>
        <v/>
      </c>
      <c r="L775" s="162" t="str">
        <f t="shared" si="25"/>
        <v/>
      </c>
    </row>
    <row r="776" spans="11:12" x14ac:dyDescent="0.2">
      <c r="K776" s="157" t="str">
        <f t="shared" si="24"/>
        <v/>
      </c>
      <c r="L776" s="162" t="str">
        <f t="shared" si="25"/>
        <v/>
      </c>
    </row>
    <row r="777" spans="11:12" x14ac:dyDescent="0.2">
      <c r="K777" s="157" t="str">
        <f t="shared" si="24"/>
        <v/>
      </c>
      <c r="L777" s="162" t="str">
        <f t="shared" si="25"/>
        <v/>
      </c>
    </row>
    <row r="778" spans="11:12" x14ac:dyDescent="0.2">
      <c r="K778" s="157" t="str">
        <f t="shared" si="24"/>
        <v/>
      </c>
      <c r="L778" s="162" t="str">
        <f t="shared" si="25"/>
        <v/>
      </c>
    </row>
    <row r="779" spans="11:12" x14ac:dyDescent="0.2">
      <c r="K779" s="157" t="str">
        <f t="shared" si="24"/>
        <v/>
      </c>
      <c r="L779" s="162" t="str">
        <f t="shared" si="25"/>
        <v/>
      </c>
    </row>
    <row r="780" spans="11:12" x14ac:dyDescent="0.2">
      <c r="K780" s="157" t="str">
        <f t="shared" si="24"/>
        <v/>
      </c>
      <c r="L780" s="162" t="str">
        <f t="shared" si="25"/>
        <v/>
      </c>
    </row>
    <row r="781" spans="11:12" x14ac:dyDescent="0.2">
      <c r="K781" s="157" t="str">
        <f t="shared" si="24"/>
        <v/>
      </c>
      <c r="L781" s="162" t="str">
        <f t="shared" si="25"/>
        <v/>
      </c>
    </row>
    <row r="782" spans="11:12" x14ac:dyDescent="0.2">
      <c r="K782" s="157" t="str">
        <f t="shared" si="24"/>
        <v/>
      </c>
      <c r="L782" s="162" t="str">
        <f t="shared" si="25"/>
        <v/>
      </c>
    </row>
    <row r="783" spans="11:12" x14ac:dyDescent="0.2">
      <c r="K783" s="157" t="str">
        <f t="shared" si="24"/>
        <v/>
      </c>
      <c r="L783" s="162" t="str">
        <f t="shared" si="25"/>
        <v/>
      </c>
    </row>
    <row r="784" spans="11:12" x14ac:dyDescent="0.2">
      <c r="K784" s="157" t="str">
        <f t="shared" si="24"/>
        <v/>
      </c>
      <c r="L784" s="162" t="str">
        <f t="shared" si="25"/>
        <v/>
      </c>
    </row>
    <row r="785" spans="11:12" x14ac:dyDescent="0.2">
      <c r="K785" s="157" t="str">
        <f t="shared" si="24"/>
        <v/>
      </c>
      <c r="L785" s="162" t="str">
        <f t="shared" si="25"/>
        <v/>
      </c>
    </row>
    <row r="786" spans="11:12" x14ac:dyDescent="0.2">
      <c r="K786" s="157" t="str">
        <f t="shared" si="24"/>
        <v/>
      </c>
      <c r="L786" s="162" t="str">
        <f t="shared" si="25"/>
        <v/>
      </c>
    </row>
    <row r="787" spans="11:12" x14ac:dyDescent="0.2">
      <c r="K787" s="157" t="str">
        <f t="shared" si="24"/>
        <v/>
      </c>
      <c r="L787" s="162" t="str">
        <f t="shared" si="25"/>
        <v/>
      </c>
    </row>
    <row r="788" spans="11:12" x14ac:dyDescent="0.2">
      <c r="K788" s="157" t="str">
        <f t="shared" si="24"/>
        <v/>
      </c>
      <c r="L788" s="162" t="str">
        <f t="shared" si="25"/>
        <v/>
      </c>
    </row>
    <row r="789" spans="11:12" x14ac:dyDescent="0.2">
      <c r="K789" s="157" t="str">
        <f t="shared" si="24"/>
        <v/>
      </c>
      <c r="L789" s="162" t="str">
        <f t="shared" si="25"/>
        <v/>
      </c>
    </row>
    <row r="790" spans="11:12" x14ac:dyDescent="0.2">
      <c r="K790" s="157" t="str">
        <f t="shared" si="24"/>
        <v/>
      </c>
      <c r="L790" s="162" t="str">
        <f t="shared" si="25"/>
        <v/>
      </c>
    </row>
    <row r="791" spans="11:12" x14ac:dyDescent="0.2">
      <c r="K791" s="157" t="str">
        <f t="shared" si="24"/>
        <v/>
      </c>
      <c r="L791" s="162" t="str">
        <f t="shared" si="25"/>
        <v/>
      </c>
    </row>
    <row r="792" spans="11:12" x14ac:dyDescent="0.2">
      <c r="K792" s="157" t="str">
        <f t="shared" si="24"/>
        <v/>
      </c>
      <c r="L792" s="162" t="str">
        <f t="shared" si="25"/>
        <v/>
      </c>
    </row>
    <row r="793" spans="11:12" x14ac:dyDescent="0.2">
      <c r="K793" s="157" t="str">
        <f t="shared" si="24"/>
        <v/>
      </c>
      <c r="L793" s="162" t="str">
        <f t="shared" si="25"/>
        <v/>
      </c>
    </row>
    <row r="794" spans="11:12" x14ac:dyDescent="0.2">
      <c r="K794" s="157" t="str">
        <f t="shared" si="24"/>
        <v/>
      </c>
      <c r="L794" s="162" t="str">
        <f t="shared" si="25"/>
        <v/>
      </c>
    </row>
    <row r="795" spans="11:12" x14ac:dyDescent="0.2">
      <c r="K795" s="157" t="str">
        <f t="shared" si="24"/>
        <v/>
      </c>
      <c r="L795" s="162" t="str">
        <f t="shared" si="25"/>
        <v/>
      </c>
    </row>
    <row r="796" spans="11:12" x14ac:dyDescent="0.2">
      <c r="K796" s="157" t="str">
        <f t="shared" si="24"/>
        <v/>
      </c>
      <c r="L796" s="162" t="str">
        <f t="shared" si="25"/>
        <v/>
      </c>
    </row>
    <row r="797" spans="11:12" x14ac:dyDescent="0.2">
      <c r="K797" s="157" t="str">
        <f t="shared" si="24"/>
        <v/>
      </c>
      <c r="L797" s="162" t="str">
        <f t="shared" si="25"/>
        <v/>
      </c>
    </row>
    <row r="798" spans="11:12" x14ac:dyDescent="0.2">
      <c r="K798" s="157" t="str">
        <f t="shared" si="24"/>
        <v/>
      </c>
      <c r="L798" s="162" t="str">
        <f t="shared" si="25"/>
        <v/>
      </c>
    </row>
    <row r="799" spans="11:12" x14ac:dyDescent="0.2">
      <c r="K799" s="157" t="str">
        <f t="shared" si="24"/>
        <v/>
      </c>
      <c r="L799" s="162" t="str">
        <f t="shared" si="25"/>
        <v/>
      </c>
    </row>
    <row r="800" spans="11:12" x14ac:dyDescent="0.2">
      <c r="K800" s="157" t="str">
        <f t="shared" si="24"/>
        <v/>
      </c>
      <c r="L800" s="162" t="str">
        <f t="shared" si="25"/>
        <v/>
      </c>
    </row>
    <row r="801" spans="11:12" x14ac:dyDescent="0.2">
      <c r="K801" s="157" t="str">
        <f t="shared" si="24"/>
        <v/>
      </c>
      <c r="L801" s="162" t="str">
        <f t="shared" si="25"/>
        <v/>
      </c>
    </row>
    <row r="802" spans="11:12" x14ac:dyDescent="0.2">
      <c r="K802" s="157" t="str">
        <f t="shared" si="24"/>
        <v/>
      </c>
      <c r="L802" s="162" t="str">
        <f t="shared" si="25"/>
        <v/>
      </c>
    </row>
    <row r="803" spans="11:12" x14ac:dyDescent="0.2">
      <c r="K803" s="157" t="str">
        <f t="shared" si="24"/>
        <v/>
      </c>
      <c r="L803" s="162" t="str">
        <f t="shared" si="25"/>
        <v/>
      </c>
    </row>
    <row r="804" spans="11:12" x14ac:dyDescent="0.2">
      <c r="K804" s="157" t="str">
        <f t="shared" si="24"/>
        <v/>
      </c>
      <c r="L804" s="162" t="str">
        <f t="shared" si="25"/>
        <v/>
      </c>
    </row>
    <row r="805" spans="11:12" x14ac:dyDescent="0.2">
      <c r="K805" s="157" t="str">
        <f t="shared" si="24"/>
        <v/>
      </c>
      <c r="L805" s="162" t="str">
        <f t="shared" si="25"/>
        <v/>
      </c>
    </row>
    <row r="806" spans="11:12" x14ac:dyDescent="0.2">
      <c r="K806" s="157" t="str">
        <f t="shared" si="24"/>
        <v/>
      </c>
      <c r="L806" s="162" t="str">
        <f t="shared" si="25"/>
        <v/>
      </c>
    </row>
    <row r="807" spans="11:12" x14ac:dyDescent="0.2">
      <c r="K807" s="157" t="str">
        <f t="shared" si="24"/>
        <v/>
      </c>
      <c r="L807" s="162" t="str">
        <f t="shared" si="25"/>
        <v/>
      </c>
    </row>
    <row r="808" spans="11:12" x14ac:dyDescent="0.2">
      <c r="K808" s="157" t="str">
        <f t="shared" si="24"/>
        <v/>
      </c>
      <c r="L808" s="162" t="str">
        <f t="shared" si="25"/>
        <v/>
      </c>
    </row>
    <row r="809" spans="11:12" x14ac:dyDescent="0.2">
      <c r="K809" s="157" t="str">
        <f t="shared" si="24"/>
        <v/>
      </c>
      <c r="L809" s="162" t="str">
        <f t="shared" si="25"/>
        <v/>
      </c>
    </row>
    <row r="810" spans="11:12" x14ac:dyDescent="0.2">
      <c r="K810" s="157" t="str">
        <f t="shared" si="24"/>
        <v/>
      </c>
      <c r="L810" s="162" t="str">
        <f t="shared" si="25"/>
        <v/>
      </c>
    </row>
    <row r="811" spans="11:12" x14ac:dyDescent="0.2">
      <c r="K811" s="157" t="str">
        <f t="shared" si="24"/>
        <v/>
      </c>
      <c r="L811" s="162" t="str">
        <f t="shared" si="25"/>
        <v/>
      </c>
    </row>
    <row r="812" spans="11:12" x14ac:dyDescent="0.2">
      <c r="K812" s="157" t="str">
        <f t="shared" si="24"/>
        <v/>
      </c>
      <c r="L812" s="162" t="str">
        <f t="shared" si="25"/>
        <v/>
      </c>
    </row>
    <row r="813" spans="11:12" x14ac:dyDescent="0.2">
      <c r="K813" s="157" t="str">
        <f t="shared" si="24"/>
        <v/>
      </c>
      <c r="L813" s="162" t="str">
        <f t="shared" si="25"/>
        <v/>
      </c>
    </row>
    <row r="814" spans="11:12" x14ac:dyDescent="0.2">
      <c r="K814" s="157" t="str">
        <f t="shared" si="24"/>
        <v/>
      </c>
      <c r="L814" s="162" t="str">
        <f t="shared" si="25"/>
        <v/>
      </c>
    </row>
    <row r="815" spans="11:12" x14ac:dyDescent="0.2">
      <c r="K815" s="157" t="str">
        <f t="shared" si="24"/>
        <v/>
      </c>
      <c r="L815" s="162" t="str">
        <f t="shared" si="25"/>
        <v/>
      </c>
    </row>
    <row r="816" spans="11:12" x14ac:dyDescent="0.2">
      <c r="K816" s="157" t="str">
        <f t="shared" si="24"/>
        <v/>
      </c>
      <c r="L816" s="162" t="str">
        <f t="shared" si="25"/>
        <v/>
      </c>
    </row>
    <row r="817" spans="11:12" x14ac:dyDescent="0.2">
      <c r="K817" s="157" t="str">
        <f t="shared" si="24"/>
        <v/>
      </c>
      <c r="L817" s="162" t="str">
        <f t="shared" si="25"/>
        <v/>
      </c>
    </row>
    <row r="818" spans="11:12" x14ac:dyDescent="0.2">
      <c r="K818" s="157" t="str">
        <f t="shared" si="24"/>
        <v/>
      </c>
      <c r="L818" s="162" t="str">
        <f t="shared" si="25"/>
        <v/>
      </c>
    </row>
    <row r="819" spans="11:12" x14ac:dyDescent="0.2">
      <c r="K819" s="157" t="str">
        <f t="shared" si="24"/>
        <v/>
      </c>
      <c r="L819" s="162" t="str">
        <f t="shared" si="25"/>
        <v/>
      </c>
    </row>
    <row r="820" spans="11:12" x14ac:dyDescent="0.2">
      <c r="K820" s="157" t="str">
        <f t="shared" si="24"/>
        <v/>
      </c>
      <c r="L820" s="162" t="str">
        <f t="shared" si="25"/>
        <v/>
      </c>
    </row>
    <row r="821" spans="11:12" x14ac:dyDescent="0.2">
      <c r="K821" s="157" t="str">
        <f t="shared" si="24"/>
        <v/>
      </c>
      <c r="L821" s="162" t="str">
        <f t="shared" si="25"/>
        <v/>
      </c>
    </row>
    <row r="822" spans="11:12" x14ac:dyDescent="0.2">
      <c r="K822" s="157" t="str">
        <f t="shared" si="24"/>
        <v/>
      </c>
      <c r="L822" s="162" t="str">
        <f t="shared" si="25"/>
        <v/>
      </c>
    </row>
    <row r="823" spans="11:12" x14ac:dyDescent="0.2">
      <c r="K823" s="157" t="str">
        <f t="shared" si="24"/>
        <v/>
      </c>
      <c r="L823" s="162" t="str">
        <f t="shared" si="25"/>
        <v/>
      </c>
    </row>
    <row r="824" spans="11:12" x14ac:dyDescent="0.2">
      <c r="K824" s="157" t="str">
        <f t="shared" si="24"/>
        <v/>
      </c>
      <c r="L824" s="162" t="str">
        <f t="shared" si="25"/>
        <v/>
      </c>
    </row>
    <row r="825" spans="11:12" x14ac:dyDescent="0.2">
      <c r="K825" s="157" t="str">
        <f t="shared" si="24"/>
        <v/>
      </c>
      <c r="L825" s="162" t="str">
        <f t="shared" si="25"/>
        <v/>
      </c>
    </row>
    <row r="826" spans="11:12" x14ac:dyDescent="0.2">
      <c r="K826" s="157" t="str">
        <f t="shared" si="24"/>
        <v/>
      </c>
      <c r="L826" s="162" t="str">
        <f t="shared" si="25"/>
        <v/>
      </c>
    </row>
    <row r="827" spans="11:12" x14ac:dyDescent="0.2">
      <c r="K827" s="157" t="str">
        <f t="shared" si="24"/>
        <v/>
      </c>
      <c r="L827" s="162" t="str">
        <f t="shared" si="25"/>
        <v/>
      </c>
    </row>
    <row r="828" spans="11:12" x14ac:dyDescent="0.2">
      <c r="K828" s="157" t="str">
        <f t="shared" si="24"/>
        <v/>
      </c>
      <c r="L828" s="162" t="str">
        <f t="shared" si="25"/>
        <v/>
      </c>
    </row>
    <row r="829" spans="11:12" x14ac:dyDescent="0.2">
      <c r="K829" s="157" t="str">
        <f t="shared" si="24"/>
        <v/>
      </c>
      <c r="L829" s="162" t="str">
        <f t="shared" si="25"/>
        <v/>
      </c>
    </row>
    <row r="830" spans="11:12" x14ac:dyDescent="0.2">
      <c r="K830" s="157" t="str">
        <f t="shared" si="24"/>
        <v/>
      </c>
      <c r="L830" s="162" t="str">
        <f t="shared" si="25"/>
        <v/>
      </c>
    </row>
    <row r="831" spans="11:12" x14ac:dyDescent="0.2">
      <c r="K831" s="157" t="str">
        <f t="shared" si="24"/>
        <v/>
      </c>
      <c r="L831" s="162" t="str">
        <f t="shared" si="25"/>
        <v/>
      </c>
    </row>
    <row r="832" spans="11:12" x14ac:dyDescent="0.2">
      <c r="K832" s="157" t="str">
        <f t="shared" si="24"/>
        <v/>
      </c>
      <c r="L832" s="162" t="str">
        <f t="shared" si="25"/>
        <v/>
      </c>
    </row>
    <row r="833" spans="11:12" x14ac:dyDescent="0.2">
      <c r="K833" s="157" t="str">
        <f t="shared" si="24"/>
        <v/>
      </c>
      <c r="L833" s="162" t="str">
        <f t="shared" si="25"/>
        <v/>
      </c>
    </row>
    <row r="834" spans="11:12" x14ac:dyDescent="0.2">
      <c r="K834" s="157" t="str">
        <f t="shared" si="24"/>
        <v/>
      </c>
      <c r="L834" s="162" t="str">
        <f t="shared" si="25"/>
        <v/>
      </c>
    </row>
    <row r="835" spans="11:12" x14ac:dyDescent="0.2">
      <c r="K835" s="157" t="str">
        <f t="shared" si="24"/>
        <v/>
      </c>
      <c r="L835" s="162" t="str">
        <f t="shared" si="25"/>
        <v/>
      </c>
    </row>
    <row r="836" spans="11:12" x14ac:dyDescent="0.2">
      <c r="K836" s="157" t="str">
        <f t="shared" si="24"/>
        <v/>
      </c>
      <c r="L836" s="162" t="str">
        <f t="shared" si="25"/>
        <v/>
      </c>
    </row>
    <row r="837" spans="11:12" x14ac:dyDescent="0.2">
      <c r="K837" s="157" t="str">
        <f t="shared" ref="K837:K900" si="26">M837&amp;O837</f>
        <v/>
      </c>
      <c r="L837" s="162" t="str">
        <f t="shared" ref="L837:L900" si="27">M837&amp;O837&amp;(IF(M837&lt;&gt;"", RIGHT(M837,1),""))</f>
        <v/>
      </c>
    </row>
    <row r="838" spans="11:12" x14ac:dyDescent="0.2">
      <c r="K838" s="157" t="str">
        <f t="shared" si="26"/>
        <v/>
      </c>
      <c r="L838" s="162" t="str">
        <f t="shared" si="27"/>
        <v/>
      </c>
    </row>
    <row r="839" spans="11:12" x14ac:dyDescent="0.2">
      <c r="K839" s="157" t="str">
        <f t="shared" si="26"/>
        <v/>
      </c>
      <c r="L839" s="162" t="str">
        <f t="shared" si="27"/>
        <v/>
      </c>
    </row>
    <row r="840" spans="11:12" x14ac:dyDescent="0.2">
      <c r="K840" s="157" t="str">
        <f t="shared" si="26"/>
        <v/>
      </c>
      <c r="L840" s="162" t="str">
        <f t="shared" si="27"/>
        <v/>
      </c>
    </row>
    <row r="841" spans="11:12" x14ac:dyDescent="0.2">
      <c r="K841" s="157" t="str">
        <f t="shared" si="26"/>
        <v/>
      </c>
      <c r="L841" s="162" t="str">
        <f t="shared" si="27"/>
        <v/>
      </c>
    </row>
    <row r="842" spans="11:12" x14ac:dyDescent="0.2">
      <c r="K842" s="157" t="str">
        <f t="shared" si="26"/>
        <v/>
      </c>
      <c r="L842" s="162" t="str">
        <f t="shared" si="27"/>
        <v/>
      </c>
    </row>
    <row r="843" spans="11:12" x14ac:dyDescent="0.2">
      <c r="K843" s="157" t="str">
        <f t="shared" si="26"/>
        <v/>
      </c>
      <c r="L843" s="162" t="str">
        <f t="shared" si="27"/>
        <v/>
      </c>
    </row>
    <row r="844" spans="11:12" x14ac:dyDescent="0.2">
      <c r="K844" s="157" t="str">
        <f t="shared" si="26"/>
        <v/>
      </c>
      <c r="L844" s="162" t="str">
        <f t="shared" si="27"/>
        <v/>
      </c>
    </row>
    <row r="845" spans="11:12" x14ac:dyDescent="0.2">
      <c r="K845" s="157" t="str">
        <f t="shared" si="26"/>
        <v/>
      </c>
      <c r="L845" s="162" t="str">
        <f t="shared" si="27"/>
        <v/>
      </c>
    </row>
    <row r="846" spans="11:12" x14ac:dyDescent="0.2">
      <c r="K846" s="157" t="str">
        <f t="shared" si="26"/>
        <v/>
      </c>
      <c r="L846" s="162" t="str">
        <f t="shared" si="27"/>
        <v/>
      </c>
    </row>
    <row r="847" spans="11:12" x14ac:dyDescent="0.2">
      <c r="K847" s="157" t="str">
        <f t="shared" si="26"/>
        <v/>
      </c>
      <c r="L847" s="162" t="str">
        <f t="shared" si="27"/>
        <v/>
      </c>
    </row>
    <row r="848" spans="11:12" x14ac:dyDescent="0.2">
      <c r="K848" s="157" t="str">
        <f t="shared" si="26"/>
        <v/>
      </c>
      <c r="L848" s="162" t="str">
        <f t="shared" si="27"/>
        <v/>
      </c>
    </row>
    <row r="849" spans="11:12" x14ac:dyDescent="0.2">
      <c r="K849" s="157" t="str">
        <f t="shared" si="26"/>
        <v/>
      </c>
      <c r="L849" s="162" t="str">
        <f t="shared" si="27"/>
        <v/>
      </c>
    </row>
    <row r="850" spans="11:12" x14ac:dyDescent="0.2">
      <c r="K850" s="157" t="str">
        <f t="shared" si="26"/>
        <v/>
      </c>
      <c r="L850" s="162" t="str">
        <f t="shared" si="27"/>
        <v/>
      </c>
    </row>
    <row r="851" spans="11:12" x14ac:dyDescent="0.2">
      <c r="K851" s="157" t="str">
        <f t="shared" si="26"/>
        <v/>
      </c>
      <c r="L851" s="162" t="str">
        <f t="shared" si="27"/>
        <v/>
      </c>
    </row>
    <row r="852" spans="11:12" x14ac:dyDescent="0.2">
      <c r="K852" s="157" t="str">
        <f t="shared" si="26"/>
        <v/>
      </c>
      <c r="L852" s="162" t="str">
        <f t="shared" si="27"/>
        <v/>
      </c>
    </row>
    <row r="853" spans="11:12" x14ac:dyDescent="0.2">
      <c r="K853" s="157" t="str">
        <f t="shared" si="26"/>
        <v/>
      </c>
      <c r="L853" s="162" t="str">
        <f t="shared" si="27"/>
        <v/>
      </c>
    </row>
    <row r="854" spans="11:12" x14ac:dyDescent="0.2">
      <c r="K854" s="157" t="str">
        <f t="shared" si="26"/>
        <v/>
      </c>
      <c r="L854" s="162" t="str">
        <f t="shared" si="27"/>
        <v/>
      </c>
    </row>
    <row r="855" spans="11:12" x14ac:dyDescent="0.2">
      <c r="K855" s="157" t="str">
        <f t="shared" si="26"/>
        <v/>
      </c>
      <c r="L855" s="162" t="str">
        <f t="shared" si="27"/>
        <v/>
      </c>
    </row>
    <row r="856" spans="11:12" x14ac:dyDescent="0.2">
      <c r="K856" s="157" t="str">
        <f t="shared" si="26"/>
        <v/>
      </c>
      <c r="L856" s="162" t="str">
        <f t="shared" si="27"/>
        <v/>
      </c>
    </row>
    <row r="857" spans="11:12" x14ac:dyDescent="0.2">
      <c r="K857" s="157" t="str">
        <f t="shared" si="26"/>
        <v/>
      </c>
      <c r="L857" s="162" t="str">
        <f t="shared" si="27"/>
        <v/>
      </c>
    </row>
    <row r="858" spans="11:12" x14ac:dyDescent="0.2">
      <c r="K858" s="157" t="str">
        <f t="shared" si="26"/>
        <v/>
      </c>
      <c r="L858" s="162" t="str">
        <f t="shared" si="27"/>
        <v/>
      </c>
    </row>
    <row r="859" spans="11:12" x14ac:dyDescent="0.2">
      <c r="K859" s="157" t="str">
        <f t="shared" si="26"/>
        <v/>
      </c>
      <c r="L859" s="162" t="str">
        <f t="shared" si="27"/>
        <v/>
      </c>
    </row>
    <row r="860" spans="11:12" x14ac:dyDescent="0.2">
      <c r="K860" s="157" t="str">
        <f t="shared" si="26"/>
        <v/>
      </c>
      <c r="L860" s="162" t="str">
        <f t="shared" si="27"/>
        <v/>
      </c>
    </row>
    <row r="861" spans="11:12" x14ac:dyDescent="0.2">
      <c r="K861" s="157" t="str">
        <f t="shared" si="26"/>
        <v/>
      </c>
      <c r="L861" s="162" t="str">
        <f t="shared" si="27"/>
        <v/>
      </c>
    </row>
    <row r="862" spans="11:12" x14ac:dyDescent="0.2">
      <c r="K862" s="157" t="str">
        <f t="shared" si="26"/>
        <v/>
      </c>
      <c r="L862" s="162" t="str">
        <f t="shared" si="27"/>
        <v/>
      </c>
    </row>
    <row r="863" spans="11:12" x14ac:dyDescent="0.2">
      <c r="K863" s="157" t="str">
        <f t="shared" si="26"/>
        <v/>
      </c>
      <c r="L863" s="162" t="str">
        <f t="shared" si="27"/>
        <v/>
      </c>
    </row>
    <row r="864" spans="11:12" x14ac:dyDescent="0.2">
      <c r="K864" s="157" t="str">
        <f t="shared" si="26"/>
        <v/>
      </c>
      <c r="L864" s="162" t="str">
        <f t="shared" si="27"/>
        <v/>
      </c>
    </row>
    <row r="865" spans="11:12" x14ac:dyDescent="0.2">
      <c r="K865" s="157" t="str">
        <f t="shared" si="26"/>
        <v/>
      </c>
      <c r="L865" s="162" t="str">
        <f t="shared" si="27"/>
        <v/>
      </c>
    </row>
    <row r="866" spans="11:12" x14ac:dyDescent="0.2">
      <c r="K866" s="157" t="str">
        <f t="shared" si="26"/>
        <v/>
      </c>
      <c r="L866" s="162" t="str">
        <f t="shared" si="27"/>
        <v/>
      </c>
    </row>
    <row r="867" spans="11:12" x14ac:dyDescent="0.2">
      <c r="K867" s="157" t="str">
        <f t="shared" si="26"/>
        <v/>
      </c>
      <c r="L867" s="162" t="str">
        <f t="shared" si="27"/>
        <v/>
      </c>
    </row>
    <row r="868" spans="11:12" x14ac:dyDescent="0.2">
      <c r="K868" s="157" t="str">
        <f t="shared" si="26"/>
        <v/>
      </c>
      <c r="L868" s="162" t="str">
        <f t="shared" si="27"/>
        <v/>
      </c>
    </row>
    <row r="869" spans="11:12" x14ac:dyDescent="0.2">
      <c r="K869" s="157" t="str">
        <f t="shared" si="26"/>
        <v/>
      </c>
      <c r="L869" s="162" t="str">
        <f t="shared" si="27"/>
        <v/>
      </c>
    </row>
    <row r="870" spans="11:12" x14ac:dyDescent="0.2">
      <c r="K870" s="157" t="str">
        <f t="shared" si="26"/>
        <v/>
      </c>
      <c r="L870" s="162" t="str">
        <f t="shared" si="27"/>
        <v/>
      </c>
    </row>
    <row r="871" spans="11:12" x14ac:dyDescent="0.2">
      <c r="K871" s="157" t="str">
        <f t="shared" si="26"/>
        <v/>
      </c>
      <c r="L871" s="162" t="str">
        <f t="shared" si="27"/>
        <v/>
      </c>
    </row>
    <row r="872" spans="11:12" x14ac:dyDescent="0.2">
      <c r="K872" s="157" t="str">
        <f t="shared" si="26"/>
        <v/>
      </c>
      <c r="L872" s="162" t="str">
        <f t="shared" si="27"/>
        <v/>
      </c>
    </row>
    <row r="873" spans="11:12" x14ac:dyDescent="0.2">
      <c r="K873" s="157" t="str">
        <f t="shared" si="26"/>
        <v/>
      </c>
      <c r="L873" s="162" t="str">
        <f t="shared" si="27"/>
        <v/>
      </c>
    </row>
    <row r="874" spans="11:12" x14ac:dyDescent="0.2">
      <c r="K874" s="157" t="str">
        <f t="shared" si="26"/>
        <v/>
      </c>
      <c r="L874" s="162" t="str">
        <f t="shared" si="27"/>
        <v/>
      </c>
    </row>
    <row r="875" spans="11:12" x14ac:dyDescent="0.2">
      <c r="K875" s="157" t="str">
        <f t="shared" si="26"/>
        <v/>
      </c>
      <c r="L875" s="162" t="str">
        <f t="shared" si="27"/>
        <v/>
      </c>
    </row>
    <row r="876" spans="11:12" x14ac:dyDescent="0.2">
      <c r="K876" s="157" t="str">
        <f t="shared" si="26"/>
        <v/>
      </c>
      <c r="L876" s="162" t="str">
        <f t="shared" si="27"/>
        <v/>
      </c>
    </row>
    <row r="877" spans="11:12" x14ac:dyDescent="0.2">
      <c r="K877" s="157" t="str">
        <f t="shared" si="26"/>
        <v/>
      </c>
      <c r="L877" s="162" t="str">
        <f t="shared" si="27"/>
        <v/>
      </c>
    </row>
    <row r="878" spans="11:12" x14ac:dyDescent="0.2">
      <c r="K878" s="157" t="str">
        <f t="shared" si="26"/>
        <v/>
      </c>
      <c r="L878" s="162" t="str">
        <f t="shared" si="27"/>
        <v/>
      </c>
    </row>
    <row r="879" spans="11:12" x14ac:dyDescent="0.2">
      <c r="K879" s="157" t="str">
        <f t="shared" si="26"/>
        <v/>
      </c>
      <c r="L879" s="162" t="str">
        <f t="shared" si="27"/>
        <v/>
      </c>
    </row>
    <row r="880" spans="11:12" x14ac:dyDescent="0.2">
      <c r="K880" s="157" t="str">
        <f t="shared" si="26"/>
        <v/>
      </c>
      <c r="L880" s="162" t="str">
        <f t="shared" si="27"/>
        <v/>
      </c>
    </row>
    <row r="881" spans="11:12" x14ac:dyDescent="0.2">
      <c r="K881" s="157" t="str">
        <f t="shared" si="26"/>
        <v/>
      </c>
      <c r="L881" s="162" t="str">
        <f t="shared" si="27"/>
        <v/>
      </c>
    </row>
    <row r="882" spans="11:12" x14ac:dyDescent="0.2">
      <c r="K882" s="157" t="str">
        <f t="shared" si="26"/>
        <v/>
      </c>
      <c r="L882" s="162" t="str">
        <f t="shared" si="27"/>
        <v/>
      </c>
    </row>
    <row r="883" spans="11:12" x14ac:dyDescent="0.2">
      <c r="K883" s="157" t="str">
        <f t="shared" si="26"/>
        <v/>
      </c>
      <c r="L883" s="162" t="str">
        <f t="shared" si="27"/>
        <v/>
      </c>
    </row>
    <row r="884" spans="11:12" x14ac:dyDescent="0.2">
      <c r="K884" s="157" t="str">
        <f t="shared" si="26"/>
        <v/>
      </c>
      <c r="L884" s="162" t="str">
        <f t="shared" si="27"/>
        <v/>
      </c>
    </row>
    <row r="885" spans="11:12" x14ac:dyDescent="0.2">
      <c r="K885" s="157" t="str">
        <f t="shared" si="26"/>
        <v/>
      </c>
      <c r="L885" s="162" t="str">
        <f t="shared" si="27"/>
        <v/>
      </c>
    </row>
    <row r="886" spans="11:12" x14ac:dyDescent="0.2">
      <c r="K886" s="157" t="str">
        <f t="shared" si="26"/>
        <v/>
      </c>
      <c r="L886" s="162" t="str">
        <f t="shared" si="27"/>
        <v/>
      </c>
    </row>
    <row r="887" spans="11:12" x14ac:dyDescent="0.2">
      <c r="K887" s="157" t="str">
        <f t="shared" si="26"/>
        <v/>
      </c>
      <c r="L887" s="162" t="str">
        <f t="shared" si="27"/>
        <v/>
      </c>
    </row>
    <row r="888" spans="11:12" x14ac:dyDescent="0.2">
      <c r="K888" s="157" t="str">
        <f t="shared" si="26"/>
        <v/>
      </c>
      <c r="L888" s="162" t="str">
        <f t="shared" si="27"/>
        <v/>
      </c>
    </row>
    <row r="889" spans="11:12" x14ac:dyDescent="0.2">
      <c r="K889" s="157" t="str">
        <f t="shared" si="26"/>
        <v/>
      </c>
      <c r="L889" s="162" t="str">
        <f t="shared" si="27"/>
        <v/>
      </c>
    </row>
    <row r="890" spans="11:12" x14ac:dyDescent="0.2">
      <c r="K890" s="157" t="str">
        <f t="shared" si="26"/>
        <v/>
      </c>
      <c r="L890" s="162" t="str">
        <f t="shared" si="27"/>
        <v/>
      </c>
    </row>
    <row r="891" spans="11:12" x14ac:dyDescent="0.2">
      <c r="K891" s="157" t="str">
        <f t="shared" si="26"/>
        <v/>
      </c>
      <c r="L891" s="162" t="str">
        <f t="shared" si="27"/>
        <v/>
      </c>
    </row>
    <row r="892" spans="11:12" x14ac:dyDescent="0.2">
      <c r="K892" s="157" t="str">
        <f t="shared" si="26"/>
        <v/>
      </c>
      <c r="L892" s="162" t="str">
        <f t="shared" si="27"/>
        <v/>
      </c>
    </row>
    <row r="893" spans="11:12" x14ac:dyDescent="0.2">
      <c r="K893" s="157" t="str">
        <f t="shared" si="26"/>
        <v/>
      </c>
      <c r="L893" s="162" t="str">
        <f t="shared" si="27"/>
        <v/>
      </c>
    </row>
    <row r="894" spans="11:12" x14ac:dyDescent="0.2">
      <c r="K894" s="157" t="str">
        <f t="shared" si="26"/>
        <v/>
      </c>
      <c r="L894" s="162" t="str">
        <f t="shared" si="27"/>
        <v/>
      </c>
    </row>
    <row r="895" spans="11:12" x14ac:dyDescent="0.2">
      <c r="K895" s="157" t="str">
        <f t="shared" si="26"/>
        <v/>
      </c>
      <c r="L895" s="162" t="str">
        <f t="shared" si="27"/>
        <v/>
      </c>
    </row>
    <row r="896" spans="11:12" x14ac:dyDescent="0.2">
      <c r="K896" s="157" t="str">
        <f t="shared" si="26"/>
        <v/>
      </c>
      <c r="L896" s="162" t="str">
        <f t="shared" si="27"/>
        <v/>
      </c>
    </row>
    <row r="897" spans="11:12" x14ac:dyDescent="0.2">
      <c r="K897" s="157" t="str">
        <f t="shared" si="26"/>
        <v/>
      </c>
      <c r="L897" s="162" t="str">
        <f t="shared" si="27"/>
        <v/>
      </c>
    </row>
    <row r="898" spans="11:12" x14ac:dyDescent="0.2">
      <c r="K898" s="157" t="str">
        <f t="shared" si="26"/>
        <v/>
      </c>
      <c r="L898" s="162" t="str">
        <f t="shared" si="27"/>
        <v/>
      </c>
    </row>
    <row r="899" spans="11:12" x14ac:dyDescent="0.2">
      <c r="K899" s="157" t="str">
        <f t="shared" si="26"/>
        <v/>
      </c>
      <c r="L899" s="162" t="str">
        <f t="shared" si="27"/>
        <v/>
      </c>
    </row>
    <row r="900" spans="11:12" x14ac:dyDescent="0.2">
      <c r="K900" s="157" t="str">
        <f t="shared" si="26"/>
        <v/>
      </c>
      <c r="L900" s="162" t="str">
        <f t="shared" si="27"/>
        <v/>
      </c>
    </row>
    <row r="901" spans="11:12" x14ac:dyDescent="0.2">
      <c r="K901" s="157" t="str">
        <f t="shared" ref="K901:K964" si="28">M901&amp;O901</f>
        <v/>
      </c>
      <c r="L901" s="162" t="str">
        <f t="shared" ref="L901:L964" si="29">M901&amp;O901&amp;(IF(M901&lt;&gt;"", RIGHT(M901,1),""))</f>
        <v/>
      </c>
    </row>
    <row r="902" spans="11:12" x14ac:dyDescent="0.2">
      <c r="K902" s="157" t="str">
        <f t="shared" si="28"/>
        <v/>
      </c>
      <c r="L902" s="162" t="str">
        <f t="shared" si="29"/>
        <v/>
      </c>
    </row>
    <row r="903" spans="11:12" x14ac:dyDescent="0.2">
      <c r="K903" s="157" t="str">
        <f t="shared" si="28"/>
        <v/>
      </c>
      <c r="L903" s="162" t="str">
        <f t="shared" si="29"/>
        <v/>
      </c>
    </row>
    <row r="904" spans="11:12" x14ac:dyDescent="0.2">
      <c r="K904" s="157" t="str">
        <f t="shared" si="28"/>
        <v/>
      </c>
      <c r="L904" s="162" t="str">
        <f t="shared" si="29"/>
        <v/>
      </c>
    </row>
    <row r="905" spans="11:12" x14ac:dyDescent="0.2">
      <c r="K905" s="157" t="str">
        <f t="shared" si="28"/>
        <v/>
      </c>
      <c r="L905" s="162" t="str">
        <f t="shared" si="29"/>
        <v/>
      </c>
    </row>
    <row r="906" spans="11:12" x14ac:dyDescent="0.2">
      <c r="K906" s="157" t="str">
        <f t="shared" si="28"/>
        <v/>
      </c>
      <c r="L906" s="162" t="str">
        <f t="shared" si="29"/>
        <v/>
      </c>
    </row>
    <row r="907" spans="11:12" x14ac:dyDescent="0.2">
      <c r="K907" s="157" t="str">
        <f t="shared" si="28"/>
        <v/>
      </c>
      <c r="L907" s="162" t="str">
        <f t="shared" si="29"/>
        <v/>
      </c>
    </row>
    <row r="908" spans="11:12" x14ac:dyDescent="0.2">
      <c r="K908" s="157" t="str">
        <f t="shared" si="28"/>
        <v/>
      </c>
      <c r="L908" s="162" t="str">
        <f t="shared" si="29"/>
        <v/>
      </c>
    </row>
    <row r="909" spans="11:12" x14ac:dyDescent="0.2">
      <c r="K909" s="157" t="str">
        <f t="shared" si="28"/>
        <v/>
      </c>
      <c r="L909" s="162" t="str">
        <f t="shared" si="29"/>
        <v/>
      </c>
    </row>
    <row r="910" spans="11:12" x14ac:dyDescent="0.2">
      <c r="K910" s="157" t="str">
        <f t="shared" si="28"/>
        <v/>
      </c>
      <c r="L910" s="162" t="str">
        <f t="shared" si="29"/>
        <v/>
      </c>
    </row>
    <row r="911" spans="11:12" x14ac:dyDescent="0.2">
      <c r="K911" s="157" t="str">
        <f t="shared" si="28"/>
        <v/>
      </c>
      <c r="L911" s="162" t="str">
        <f t="shared" si="29"/>
        <v/>
      </c>
    </row>
    <row r="912" spans="11:12" x14ac:dyDescent="0.2">
      <c r="K912" s="157" t="str">
        <f t="shared" si="28"/>
        <v/>
      </c>
      <c r="L912" s="162" t="str">
        <f t="shared" si="29"/>
        <v/>
      </c>
    </row>
    <row r="913" spans="11:12" x14ac:dyDescent="0.2">
      <c r="K913" s="157" t="str">
        <f t="shared" si="28"/>
        <v/>
      </c>
      <c r="L913" s="162" t="str">
        <f t="shared" si="29"/>
        <v/>
      </c>
    </row>
    <row r="914" spans="11:12" x14ac:dyDescent="0.2">
      <c r="K914" s="157" t="str">
        <f t="shared" si="28"/>
        <v/>
      </c>
      <c r="L914" s="162" t="str">
        <f t="shared" si="29"/>
        <v/>
      </c>
    </row>
    <row r="915" spans="11:12" x14ac:dyDescent="0.2">
      <c r="K915" s="157" t="str">
        <f t="shared" si="28"/>
        <v/>
      </c>
      <c r="L915" s="162" t="str">
        <f t="shared" si="29"/>
        <v/>
      </c>
    </row>
    <row r="916" spans="11:12" x14ac:dyDescent="0.2">
      <c r="K916" s="157" t="str">
        <f t="shared" si="28"/>
        <v/>
      </c>
      <c r="L916" s="162" t="str">
        <f t="shared" si="29"/>
        <v/>
      </c>
    </row>
    <row r="917" spans="11:12" x14ac:dyDescent="0.2">
      <c r="K917" s="157" t="str">
        <f t="shared" si="28"/>
        <v/>
      </c>
      <c r="L917" s="162" t="str">
        <f t="shared" si="29"/>
        <v/>
      </c>
    </row>
    <row r="918" spans="11:12" x14ac:dyDescent="0.2">
      <c r="K918" s="157" t="str">
        <f t="shared" si="28"/>
        <v/>
      </c>
      <c r="L918" s="162" t="str">
        <f t="shared" si="29"/>
        <v/>
      </c>
    </row>
    <row r="919" spans="11:12" x14ac:dyDescent="0.2">
      <c r="K919" s="157" t="str">
        <f t="shared" si="28"/>
        <v/>
      </c>
      <c r="L919" s="162" t="str">
        <f t="shared" si="29"/>
        <v/>
      </c>
    </row>
    <row r="920" spans="11:12" x14ac:dyDescent="0.2">
      <c r="K920" s="157" t="str">
        <f t="shared" si="28"/>
        <v/>
      </c>
      <c r="L920" s="162" t="str">
        <f t="shared" si="29"/>
        <v/>
      </c>
    </row>
    <row r="921" spans="11:12" x14ac:dyDescent="0.2">
      <c r="K921" s="157" t="str">
        <f t="shared" si="28"/>
        <v/>
      </c>
      <c r="L921" s="162" t="str">
        <f t="shared" si="29"/>
        <v/>
      </c>
    </row>
    <row r="922" spans="11:12" x14ac:dyDescent="0.2">
      <c r="K922" s="157" t="str">
        <f t="shared" si="28"/>
        <v/>
      </c>
      <c r="L922" s="162" t="str">
        <f t="shared" si="29"/>
        <v/>
      </c>
    </row>
    <row r="923" spans="11:12" x14ac:dyDescent="0.2">
      <c r="K923" s="157" t="str">
        <f t="shared" si="28"/>
        <v/>
      </c>
      <c r="L923" s="162" t="str">
        <f t="shared" si="29"/>
        <v/>
      </c>
    </row>
    <row r="924" spans="11:12" x14ac:dyDescent="0.2">
      <c r="K924" s="157" t="str">
        <f t="shared" si="28"/>
        <v/>
      </c>
      <c r="L924" s="162" t="str">
        <f t="shared" si="29"/>
        <v/>
      </c>
    </row>
    <row r="925" spans="11:12" x14ac:dyDescent="0.2">
      <c r="K925" s="157" t="str">
        <f t="shared" si="28"/>
        <v/>
      </c>
      <c r="L925" s="162" t="str">
        <f t="shared" si="29"/>
        <v/>
      </c>
    </row>
    <row r="926" spans="11:12" x14ac:dyDescent="0.2">
      <c r="K926" s="157" t="str">
        <f t="shared" si="28"/>
        <v/>
      </c>
      <c r="L926" s="162" t="str">
        <f t="shared" si="29"/>
        <v/>
      </c>
    </row>
    <row r="927" spans="11:12" x14ac:dyDescent="0.2">
      <c r="K927" s="157" t="str">
        <f t="shared" si="28"/>
        <v/>
      </c>
      <c r="L927" s="162" t="str">
        <f t="shared" si="29"/>
        <v/>
      </c>
    </row>
    <row r="928" spans="11:12" x14ac:dyDescent="0.2">
      <c r="K928" s="157" t="str">
        <f t="shared" si="28"/>
        <v/>
      </c>
      <c r="L928" s="162" t="str">
        <f t="shared" si="29"/>
        <v/>
      </c>
    </row>
    <row r="929" spans="11:12" x14ac:dyDescent="0.2">
      <c r="K929" s="157" t="str">
        <f t="shared" si="28"/>
        <v/>
      </c>
      <c r="L929" s="162" t="str">
        <f t="shared" si="29"/>
        <v/>
      </c>
    </row>
    <row r="930" spans="11:12" x14ac:dyDescent="0.2">
      <c r="K930" s="157" t="str">
        <f t="shared" si="28"/>
        <v/>
      </c>
      <c r="L930" s="162" t="str">
        <f t="shared" si="29"/>
        <v/>
      </c>
    </row>
    <row r="931" spans="11:12" x14ac:dyDescent="0.2">
      <c r="K931" s="157" t="str">
        <f t="shared" si="28"/>
        <v/>
      </c>
      <c r="L931" s="162" t="str">
        <f t="shared" si="29"/>
        <v/>
      </c>
    </row>
    <row r="932" spans="11:12" x14ac:dyDescent="0.2">
      <c r="K932" s="157" t="str">
        <f t="shared" si="28"/>
        <v/>
      </c>
      <c r="L932" s="162" t="str">
        <f t="shared" si="29"/>
        <v/>
      </c>
    </row>
    <row r="933" spans="11:12" x14ac:dyDescent="0.2">
      <c r="K933" s="157" t="str">
        <f t="shared" si="28"/>
        <v/>
      </c>
      <c r="L933" s="162" t="str">
        <f t="shared" si="29"/>
        <v/>
      </c>
    </row>
    <row r="934" spans="11:12" x14ac:dyDescent="0.2">
      <c r="K934" s="157" t="str">
        <f t="shared" si="28"/>
        <v/>
      </c>
      <c r="L934" s="162" t="str">
        <f t="shared" si="29"/>
        <v/>
      </c>
    </row>
    <row r="935" spans="11:12" x14ac:dyDescent="0.2">
      <c r="K935" s="157" t="str">
        <f t="shared" si="28"/>
        <v/>
      </c>
      <c r="L935" s="162" t="str">
        <f t="shared" si="29"/>
        <v/>
      </c>
    </row>
    <row r="936" spans="11:12" x14ac:dyDescent="0.2">
      <c r="K936" s="157" t="str">
        <f t="shared" si="28"/>
        <v/>
      </c>
      <c r="L936" s="162" t="str">
        <f t="shared" si="29"/>
        <v/>
      </c>
    </row>
    <row r="937" spans="11:12" x14ac:dyDescent="0.2">
      <c r="K937" s="157" t="str">
        <f t="shared" si="28"/>
        <v/>
      </c>
      <c r="L937" s="162" t="str">
        <f t="shared" si="29"/>
        <v/>
      </c>
    </row>
    <row r="938" spans="11:12" x14ac:dyDescent="0.2">
      <c r="K938" s="157" t="str">
        <f t="shared" si="28"/>
        <v/>
      </c>
      <c r="L938" s="162" t="str">
        <f t="shared" si="29"/>
        <v/>
      </c>
    </row>
    <row r="939" spans="11:12" x14ac:dyDescent="0.2">
      <c r="K939" s="157" t="str">
        <f t="shared" si="28"/>
        <v/>
      </c>
      <c r="L939" s="162" t="str">
        <f t="shared" si="29"/>
        <v/>
      </c>
    </row>
    <row r="940" spans="11:12" x14ac:dyDescent="0.2">
      <c r="K940" s="157" t="str">
        <f t="shared" si="28"/>
        <v/>
      </c>
      <c r="L940" s="162" t="str">
        <f t="shared" si="29"/>
        <v/>
      </c>
    </row>
    <row r="941" spans="11:12" x14ac:dyDescent="0.2">
      <c r="K941" s="157" t="str">
        <f t="shared" si="28"/>
        <v/>
      </c>
      <c r="L941" s="162" t="str">
        <f t="shared" si="29"/>
        <v/>
      </c>
    </row>
    <row r="942" spans="11:12" x14ac:dyDescent="0.2">
      <c r="K942" s="157" t="str">
        <f t="shared" si="28"/>
        <v/>
      </c>
      <c r="L942" s="162" t="str">
        <f t="shared" si="29"/>
        <v/>
      </c>
    </row>
    <row r="943" spans="11:12" x14ac:dyDescent="0.2">
      <c r="K943" s="157" t="str">
        <f t="shared" si="28"/>
        <v/>
      </c>
      <c r="L943" s="162" t="str">
        <f t="shared" si="29"/>
        <v/>
      </c>
    </row>
    <row r="944" spans="11:12" x14ac:dyDescent="0.2">
      <c r="K944" s="157" t="str">
        <f t="shared" si="28"/>
        <v/>
      </c>
      <c r="L944" s="162" t="str">
        <f t="shared" si="29"/>
        <v/>
      </c>
    </row>
    <row r="945" spans="11:12" x14ac:dyDescent="0.2">
      <c r="K945" s="157" t="str">
        <f t="shared" si="28"/>
        <v/>
      </c>
      <c r="L945" s="162" t="str">
        <f t="shared" si="29"/>
        <v/>
      </c>
    </row>
    <row r="946" spans="11:12" x14ac:dyDescent="0.2">
      <c r="K946" s="157" t="str">
        <f t="shared" si="28"/>
        <v/>
      </c>
      <c r="L946" s="162" t="str">
        <f t="shared" si="29"/>
        <v/>
      </c>
    </row>
    <row r="947" spans="11:12" x14ac:dyDescent="0.2">
      <c r="K947" s="157" t="str">
        <f t="shared" si="28"/>
        <v/>
      </c>
      <c r="L947" s="162" t="str">
        <f t="shared" si="29"/>
        <v/>
      </c>
    </row>
    <row r="948" spans="11:12" x14ac:dyDescent="0.2">
      <c r="K948" s="157" t="str">
        <f t="shared" si="28"/>
        <v/>
      </c>
      <c r="L948" s="162" t="str">
        <f t="shared" si="29"/>
        <v/>
      </c>
    </row>
    <row r="949" spans="11:12" x14ac:dyDescent="0.2">
      <c r="K949" s="157" t="str">
        <f t="shared" si="28"/>
        <v/>
      </c>
      <c r="L949" s="162" t="str">
        <f t="shared" si="29"/>
        <v/>
      </c>
    </row>
    <row r="950" spans="11:12" x14ac:dyDescent="0.2">
      <c r="K950" s="157" t="str">
        <f t="shared" si="28"/>
        <v/>
      </c>
      <c r="L950" s="162" t="str">
        <f t="shared" si="29"/>
        <v/>
      </c>
    </row>
    <row r="951" spans="11:12" x14ac:dyDescent="0.2">
      <c r="K951" s="157" t="str">
        <f t="shared" si="28"/>
        <v/>
      </c>
      <c r="L951" s="162" t="str">
        <f t="shared" si="29"/>
        <v/>
      </c>
    </row>
    <row r="952" spans="11:12" x14ac:dyDescent="0.2">
      <c r="K952" s="157" t="str">
        <f t="shared" si="28"/>
        <v/>
      </c>
      <c r="L952" s="162" t="str">
        <f t="shared" si="29"/>
        <v/>
      </c>
    </row>
    <row r="953" spans="11:12" x14ac:dyDescent="0.2">
      <c r="K953" s="157" t="str">
        <f t="shared" si="28"/>
        <v/>
      </c>
      <c r="L953" s="162" t="str">
        <f t="shared" si="29"/>
        <v/>
      </c>
    </row>
    <row r="954" spans="11:12" x14ac:dyDescent="0.2">
      <c r="K954" s="157" t="str">
        <f t="shared" si="28"/>
        <v/>
      </c>
      <c r="L954" s="162" t="str">
        <f t="shared" si="29"/>
        <v/>
      </c>
    </row>
    <row r="955" spans="11:12" x14ac:dyDescent="0.2">
      <c r="K955" s="157" t="str">
        <f t="shared" si="28"/>
        <v/>
      </c>
      <c r="L955" s="162" t="str">
        <f t="shared" si="29"/>
        <v/>
      </c>
    </row>
    <row r="956" spans="11:12" x14ac:dyDescent="0.2">
      <c r="K956" s="157" t="str">
        <f t="shared" si="28"/>
        <v/>
      </c>
      <c r="L956" s="162" t="str">
        <f t="shared" si="29"/>
        <v/>
      </c>
    </row>
    <row r="957" spans="11:12" x14ac:dyDescent="0.2">
      <c r="K957" s="157" t="str">
        <f t="shared" si="28"/>
        <v/>
      </c>
      <c r="L957" s="162" t="str">
        <f t="shared" si="29"/>
        <v/>
      </c>
    </row>
    <row r="958" spans="11:12" x14ac:dyDescent="0.2">
      <c r="K958" s="157" t="str">
        <f t="shared" si="28"/>
        <v/>
      </c>
      <c r="L958" s="162" t="str">
        <f t="shared" si="29"/>
        <v/>
      </c>
    </row>
    <row r="959" spans="11:12" x14ac:dyDescent="0.2">
      <c r="K959" s="157" t="str">
        <f t="shared" si="28"/>
        <v/>
      </c>
      <c r="L959" s="162" t="str">
        <f t="shared" si="29"/>
        <v/>
      </c>
    </row>
    <row r="960" spans="11:12" x14ac:dyDescent="0.2">
      <c r="K960" s="157" t="str">
        <f t="shared" si="28"/>
        <v/>
      </c>
      <c r="L960" s="162" t="str">
        <f t="shared" si="29"/>
        <v/>
      </c>
    </row>
    <row r="961" spans="11:12" x14ac:dyDescent="0.2">
      <c r="K961" s="157" t="str">
        <f t="shared" si="28"/>
        <v/>
      </c>
      <c r="L961" s="162" t="str">
        <f t="shared" si="29"/>
        <v/>
      </c>
    </row>
    <row r="962" spans="11:12" x14ac:dyDescent="0.2">
      <c r="K962" s="157" t="str">
        <f t="shared" si="28"/>
        <v/>
      </c>
      <c r="L962" s="162" t="str">
        <f t="shared" si="29"/>
        <v/>
      </c>
    </row>
    <row r="963" spans="11:12" x14ac:dyDescent="0.2">
      <c r="K963" s="157" t="str">
        <f t="shared" si="28"/>
        <v/>
      </c>
      <c r="L963" s="162" t="str">
        <f t="shared" si="29"/>
        <v/>
      </c>
    </row>
    <row r="964" spans="11:12" x14ac:dyDescent="0.2">
      <c r="K964" s="157" t="str">
        <f t="shared" si="28"/>
        <v/>
      </c>
      <c r="L964" s="162" t="str">
        <f t="shared" si="29"/>
        <v/>
      </c>
    </row>
    <row r="965" spans="11:12" x14ac:dyDescent="0.2">
      <c r="K965" s="157" t="str">
        <f t="shared" ref="K965:K1000" si="30">M965&amp;O965</f>
        <v/>
      </c>
      <c r="L965" s="162" t="str">
        <f t="shared" ref="L965:L1000" si="31">M965&amp;O965&amp;(IF(M965&lt;&gt;"", RIGHT(M965,1),""))</f>
        <v/>
      </c>
    </row>
    <row r="966" spans="11:12" x14ac:dyDescent="0.2">
      <c r="K966" s="157" t="str">
        <f t="shared" si="30"/>
        <v/>
      </c>
      <c r="L966" s="162" t="str">
        <f t="shared" si="31"/>
        <v/>
      </c>
    </row>
    <row r="967" spans="11:12" x14ac:dyDescent="0.2">
      <c r="K967" s="157" t="str">
        <f t="shared" si="30"/>
        <v/>
      </c>
      <c r="L967" s="162" t="str">
        <f t="shared" si="31"/>
        <v/>
      </c>
    </row>
    <row r="968" spans="11:12" x14ac:dyDescent="0.2">
      <c r="K968" s="157" t="str">
        <f t="shared" si="30"/>
        <v/>
      </c>
      <c r="L968" s="162" t="str">
        <f t="shared" si="31"/>
        <v/>
      </c>
    </row>
    <row r="969" spans="11:12" x14ac:dyDescent="0.2">
      <c r="K969" s="157" t="str">
        <f t="shared" si="30"/>
        <v/>
      </c>
      <c r="L969" s="162" t="str">
        <f t="shared" si="31"/>
        <v/>
      </c>
    </row>
    <row r="970" spans="11:12" x14ac:dyDescent="0.2">
      <c r="K970" s="157" t="str">
        <f t="shared" si="30"/>
        <v/>
      </c>
      <c r="L970" s="162" t="str">
        <f t="shared" si="31"/>
        <v/>
      </c>
    </row>
    <row r="971" spans="11:12" x14ac:dyDescent="0.2">
      <c r="K971" s="157" t="str">
        <f t="shared" si="30"/>
        <v/>
      </c>
      <c r="L971" s="162" t="str">
        <f t="shared" si="31"/>
        <v/>
      </c>
    </row>
    <row r="972" spans="11:12" x14ac:dyDescent="0.2">
      <c r="K972" s="157" t="str">
        <f t="shared" si="30"/>
        <v/>
      </c>
      <c r="L972" s="162" t="str">
        <f t="shared" si="31"/>
        <v/>
      </c>
    </row>
    <row r="973" spans="11:12" x14ac:dyDescent="0.2">
      <c r="K973" s="157" t="str">
        <f t="shared" si="30"/>
        <v/>
      </c>
      <c r="L973" s="162" t="str">
        <f t="shared" si="31"/>
        <v/>
      </c>
    </row>
    <row r="974" spans="11:12" x14ac:dyDescent="0.2">
      <c r="K974" s="157" t="str">
        <f t="shared" si="30"/>
        <v/>
      </c>
      <c r="L974" s="162" t="str">
        <f t="shared" si="31"/>
        <v/>
      </c>
    </row>
    <row r="975" spans="11:12" x14ac:dyDescent="0.2">
      <c r="K975" s="157" t="str">
        <f t="shared" si="30"/>
        <v/>
      </c>
      <c r="L975" s="162" t="str">
        <f t="shared" si="31"/>
        <v/>
      </c>
    </row>
    <row r="976" spans="11:12" x14ac:dyDescent="0.2">
      <c r="K976" s="157" t="str">
        <f t="shared" si="30"/>
        <v/>
      </c>
      <c r="L976" s="162" t="str">
        <f t="shared" si="31"/>
        <v/>
      </c>
    </row>
    <row r="977" spans="11:12" x14ac:dyDescent="0.2">
      <c r="K977" s="157" t="str">
        <f t="shared" si="30"/>
        <v/>
      </c>
      <c r="L977" s="162" t="str">
        <f t="shared" si="31"/>
        <v/>
      </c>
    </row>
    <row r="978" spans="11:12" x14ac:dyDescent="0.2">
      <c r="K978" s="157" t="str">
        <f t="shared" si="30"/>
        <v/>
      </c>
      <c r="L978" s="162" t="str">
        <f t="shared" si="31"/>
        <v/>
      </c>
    </row>
    <row r="979" spans="11:12" x14ac:dyDescent="0.2">
      <c r="K979" s="157" t="str">
        <f t="shared" si="30"/>
        <v/>
      </c>
      <c r="L979" s="162" t="str">
        <f t="shared" si="31"/>
        <v/>
      </c>
    </row>
    <row r="980" spans="11:12" x14ac:dyDescent="0.2">
      <c r="K980" s="157" t="str">
        <f t="shared" si="30"/>
        <v/>
      </c>
      <c r="L980" s="162" t="str">
        <f t="shared" si="31"/>
        <v/>
      </c>
    </row>
    <row r="981" spans="11:12" x14ac:dyDescent="0.2">
      <c r="K981" s="157" t="str">
        <f t="shared" si="30"/>
        <v/>
      </c>
      <c r="L981" s="162" t="str">
        <f t="shared" si="31"/>
        <v/>
      </c>
    </row>
    <row r="982" spans="11:12" x14ac:dyDescent="0.2">
      <c r="K982" s="157" t="str">
        <f t="shared" si="30"/>
        <v/>
      </c>
      <c r="L982" s="162" t="str">
        <f t="shared" si="31"/>
        <v/>
      </c>
    </row>
    <row r="983" spans="11:12" x14ac:dyDescent="0.2">
      <c r="K983" s="157" t="str">
        <f t="shared" si="30"/>
        <v/>
      </c>
      <c r="L983" s="162" t="str">
        <f t="shared" si="31"/>
        <v/>
      </c>
    </row>
    <row r="984" spans="11:12" x14ac:dyDescent="0.2">
      <c r="K984" s="157" t="str">
        <f t="shared" si="30"/>
        <v/>
      </c>
      <c r="L984" s="162" t="str">
        <f t="shared" si="31"/>
        <v/>
      </c>
    </row>
    <row r="985" spans="11:12" x14ac:dyDescent="0.2">
      <c r="K985" s="157" t="str">
        <f t="shared" si="30"/>
        <v/>
      </c>
      <c r="L985" s="162" t="str">
        <f t="shared" si="31"/>
        <v/>
      </c>
    </row>
    <row r="986" spans="11:12" x14ac:dyDescent="0.2">
      <c r="K986" s="157" t="str">
        <f t="shared" si="30"/>
        <v/>
      </c>
      <c r="L986" s="162" t="str">
        <f t="shared" si="31"/>
        <v/>
      </c>
    </row>
    <row r="987" spans="11:12" x14ac:dyDescent="0.2">
      <c r="K987" s="157" t="str">
        <f t="shared" si="30"/>
        <v/>
      </c>
      <c r="L987" s="162" t="str">
        <f t="shared" si="31"/>
        <v/>
      </c>
    </row>
    <row r="988" spans="11:12" x14ac:dyDescent="0.2">
      <c r="K988" s="157" t="str">
        <f t="shared" si="30"/>
        <v/>
      </c>
      <c r="L988" s="162" t="str">
        <f t="shared" si="31"/>
        <v/>
      </c>
    </row>
    <row r="989" spans="11:12" x14ac:dyDescent="0.2">
      <c r="K989" s="157" t="str">
        <f t="shared" si="30"/>
        <v/>
      </c>
      <c r="L989" s="162" t="str">
        <f t="shared" si="31"/>
        <v/>
      </c>
    </row>
    <row r="990" spans="11:12" x14ac:dyDescent="0.2">
      <c r="K990" s="157" t="str">
        <f t="shared" si="30"/>
        <v/>
      </c>
      <c r="L990" s="162" t="str">
        <f t="shared" si="31"/>
        <v/>
      </c>
    </row>
    <row r="991" spans="11:12" x14ac:dyDescent="0.2">
      <c r="K991" s="157" t="str">
        <f t="shared" si="30"/>
        <v/>
      </c>
      <c r="L991" s="162" t="str">
        <f t="shared" si="31"/>
        <v/>
      </c>
    </row>
    <row r="992" spans="11:12" x14ac:dyDescent="0.2">
      <c r="K992" s="157" t="str">
        <f t="shared" si="30"/>
        <v/>
      </c>
      <c r="L992" s="162" t="str">
        <f t="shared" si="31"/>
        <v/>
      </c>
    </row>
    <row r="993" spans="11:12" x14ac:dyDescent="0.2">
      <c r="K993" s="157" t="str">
        <f t="shared" si="30"/>
        <v/>
      </c>
      <c r="L993" s="162" t="str">
        <f t="shared" si="31"/>
        <v/>
      </c>
    </row>
    <row r="994" spans="11:12" x14ac:dyDescent="0.2">
      <c r="K994" s="157" t="str">
        <f t="shared" si="30"/>
        <v/>
      </c>
      <c r="L994" s="162" t="str">
        <f t="shared" si="31"/>
        <v/>
      </c>
    </row>
    <row r="995" spans="11:12" x14ac:dyDescent="0.2">
      <c r="K995" s="157" t="str">
        <f t="shared" si="30"/>
        <v/>
      </c>
      <c r="L995" s="162" t="str">
        <f t="shared" si="31"/>
        <v/>
      </c>
    </row>
    <row r="996" spans="11:12" x14ac:dyDescent="0.2">
      <c r="K996" s="157" t="str">
        <f t="shared" si="30"/>
        <v/>
      </c>
      <c r="L996" s="162" t="str">
        <f t="shared" si="31"/>
        <v/>
      </c>
    </row>
    <row r="997" spans="11:12" x14ac:dyDescent="0.2">
      <c r="K997" s="157" t="str">
        <f t="shared" si="30"/>
        <v/>
      </c>
      <c r="L997" s="162" t="str">
        <f t="shared" si="31"/>
        <v/>
      </c>
    </row>
    <row r="998" spans="11:12" x14ac:dyDescent="0.2">
      <c r="K998" s="157" t="str">
        <f t="shared" si="30"/>
        <v/>
      </c>
      <c r="L998" s="162" t="str">
        <f t="shared" si="31"/>
        <v/>
      </c>
    </row>
    <row r="999" spans="11:12" x14ac:dyDescent="0.2">
      <c r="K999" s="157" t="str">
        <f t="shared" si="30"/>
        <v/>
      </c>
      <c r="L999" s="162" t="str">
        <f t="shared" si="31"/>
        <v/>
      </c>
    </row>
    <row r="1000" spans="11:12" x14ac:dyDescent="0.2">
      <c r="K1000" s="157" t="str">
        <f t="shared" si="30"/>
        <v/>
      </c>
      <c r="L1000" s="162" t="str">
        <f t="shared" si="31"/>
        <v/>
      </c>
    </row>
  </sheetData>
  <sheetProtection algorithmName="SHA-512" hashValue="y3+z5nboX5Q8pJaufAbbUgIEovso9So47f1JhKPdFkLCRvPB6dv6GfLX43DNLVVC8WY4p+rwhe/psM2IcMKi/w==" saltValue="zyJKP//01eMjioeL4yOGBg==" spinCount="100000" sheet="1" objects="1" scenarios="1"/>
  <mergeCells count="9">
    <mergeCell ref="A1:C1"/>
    <mergeCell ref="L2:L3"/>
    <mergeCell ref="M2:Q2"/>
    <mergeCell ref="R2:T2"/>
    <mergeCell ref="U2:W2"/>
    <mergeCell ref="A2:C2"/>
    <mergeCell ref="D2:F2"/>
    <mergeCell ref="G2:J2"/>
    <mergeCell ref="K2:K3"/>
  </mergeCells>
  <phoneticPr fontId="4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実績報告書</vt:lpstr>
      <vt:lpstr>明細書【窓・玄関ドア】</vt:lpstr>
      <vt:lpstr>明細書【断熱パネル】</vt:lpstr>
      <vt:lpstr>明細書【潜熱蓄熱建材】</vt:lpstr>
      <vt:lpstr>明細書【断熱材】</vt:lpstr>
      <vt:lpstr>明細書【調湿建材】</vt:lpstr>
      <vt:lpstr>総括表</vt:lpstr>
      <vt:lpstr>精算払請求書</vt:lpstr>
      <vt:lpstr>製品リスト</vt:lpstr>
      <vt:lpstr>実績報告書!Print_Area</vt:lpstr>
      <vt:lpstr>精算払請求書!Print_Area</vt:lpstr>
      <vt:lpstr>総括表!Print_Area</vt:lpstr>
      <vt:lpstr>明細書【潜熱蓄熱建材】!Print_Area</vt:lpstr>
      <vt:lpstr>明細書【窓・玄関ドア】!Print_Area</vt:lpstr>
      <vt:lpstr>明細書【断熱パネル】!Print_Area</vt:lpstr>
      <vt:lpstr>明細書【断熱材】!Print_Area</vt:lpstr>
      <vt:lpstr>明細書【調湿建材】!Print_Area</vt:lpstr>
      <vt:lpstr>明細書【窓・玄関ドア】!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05-07T06:50:19Z</dcterms:created>
  <dcterms:modified xsi:type="dcterms:W3CDTF">2023-11-28T06:30:17Z</dcterms:modified>
</cp:coreProperties>
</file>